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396_2023 Polyetylénové vrecia, sáčky, tašky a vrecká\02. Príprava\05. PTK\01. Odoslanie PTK\"/>
    </mc:Choice>
  </mc:AlternateContent>
  <bookViews>
    <workbookView xWindow="0" yWindow="0" windowWidth="23040" windowHeight="9195"/>
  </bookViews>
  <sheets>
    <sheet name="Ponuka - PTK" sheetId="8" r:id="rId1"/>
  </sheets>
  <definedNames>
    <definedName name="_xlnm.Print_Area" localSheetId="0">'Ponuka - PTK'!$A$1:$E$18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6" uniqueCount="193">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1.</t>
  </si>
  <si>
    <t>12.</t>
  </si>
  <si>
    <t>13.</t>
  </si>
  <si>
    <t>14.</t>
  </si>
  <si>
    <t>15.</t>
  </si>
  <si>
    <t>16.</t>
  </si>
  <si>
    <t>17.</t>
  </si>
  <si>
    <t>18.</t>
  </si>
  <si>
    <t>19.</t>
  </si>
  <si>
    <t>20.</t>
  </si>
  <si>
    <t>21.</t>
  </si>
  <si>
    <t>tovar; služba</t>
  </si>
  <si>
    <t>10.</t>
  </si>
  <si>
    <t xml:space="preserve">Požadované minimálne technické vlastnosti, parametre a hodnoty predmetu zákazky
 </t>
  </si>
  <si>
    <t>Položka č. 2</t>
  </si>
  <si>
    <t>3.1</t>
  </si>
  <si>
    <t>3.2</t>
  </si>
  <si>
    <t>3.3</t>
  </si>
  <si>
    <t>3.4</t>
  </si>
  <si>
    <t>3.5</t>
  </si>
  <si>
    <t>12.1.</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Požaduje sa, aby dodávateľ v čase predloženia ponuky a zároveň počas trvania rámcovej dohody bol oprávnený na poskytnutie plnenia predmetu zákazky.</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Polyetylénové vrecia, sáčky, tašky a vrecká</t>
  </si>
  <si>
    <t>19640000-4 - Polyetylénový odpad a odpadkové vrecká a vaky</t>
  </si>
  <si>
    <t>18930000-7 - Vrecia a vaky</t>
  </si>
  <si>
    <t>Položka č. 3</t>
  </si>
  <si>
    <t>Položka č. 4</t>
  </si>
  <si>
    <t>Položka č. 5</t>
  </si>
  <si>
    <t>Položka č. 6</t>
  </si>
  <si>
    <t>Položka č. 7</t>
  </si>
  <si>
    <t>Položka č. 8</t>
  </si>
  <si>
    <t>Položka č. 9</t>
  </si>
  <si>
    <t>Položka č. 10</t>
  </si>
  <si>
    <t>Položka č. 11</t>
  </si>
  <si>
    <t>Vrecia na odpad oranžové</t>
  </si>
  <si>
    <t>Vrecia na odpad čierne</t>
  </si>
  <si>
    <t>Priesvitné potravinové vrecia</t>
  </si>
  <si>
    <t>Vrecia zaťahovacie 120 litrové</t>
  </si>
  <si>
    <t>Vrecia zaťahovacie 160 litrové</t>
  </si>
  <si>
    <t>Sáčky do koša 20 litrové</t>
  </si>
  <si>
    <t>Sáčky do koša 35 litrové</t>
  </si>
  <si>
    <t>Sáčky do koša 60 litrové</t>
  </si>
  <si>
    <t>šírka 700 mm</t>
  </si>
  <si>
    <t>výška 1100 mm</t>
  </si>
  <si>
    <t>hrúbka min. 0,15 mm</t>
  </si>
  <si>
    <t>min. hmotnosť vreca 190 g</t>
  </si>
  <si>
    <t>LDPE technický regranulát bez zápachu</t>
  </si>
  <si>
    <t>min. nosnosť vreca 50 kg</t>
  </si>
  <si>
    <t>Položka č. 2 - Vrecia na odpad čierne</t>
  </si>
  <si>
    <t xml:space="preserve"> LDPE technický regranulát bez zápachu</t>
  </si>
  <si>
    <t>farba čierna, nepriesvitná a nepriehľadná</t>
  </si>
  <si>
    <t>Položka č. 1 - Vrecia na odpad oranžové</t>
  </si>
  <si>
    <t>Položka č. 3 - Priesvitné potravinové vrecia</t>
  </si>
  <si>
    <t>šírka 550 mm</t>
  </si>
  <si>
    <t>min. hmotnosť vreca 140 g</t>
  </si>
  <si>
    <t>hrúbka min. 0,13 mm</t>
  </si>
  <si>
    <t>LDPE primárny v potravinárskej kvalite</t>
  </si>
  <si>
    <t>bezfarebné, priehľadné</t>
  </si>
  <si>
    <t>Položka č. 4 - Vrecia zaťahovacie 120 litrové</t>
  </si>
  <si>
    <t>výška 1000 mm + 50 mm na pásku</t>
  </si>
  <si>
    <t>hrúbka min. 0,06 mm</t>
  </si>
  <si>
    <t>LDPE technický regranulát</t>
  </si>
  <si>
    <t>vrecia musia obsahovať zaťahovaciu pásku pre pohodlnú manipuláciu a uzavretie</t>
  </si>
  <si>
    <t>farba modrá, nepriehľadná</t>
  </si>
  <si>
    <t>Položka č. 5 - Vrecia zaťahovacie 160 litrové</t>
  </si>
  <si>
    <t>šírka 880 mm</t>
  </si>
  <si>
    <t>Položka č. 6 - Sáčky do koša 20 litrové</t>
  </si>
  <si>
    <t>šírka 500 mm</t>
  </si>
  <si>
    <t>výška 600 mm</t>
  </si>
  <si>
    <t>hrúbka min. 0,007 mm</t>
  </si>
  <si>
    <t>materiál HDPE</t>
  </si>
  <si>
    <t xml:space="preserve"> farba čierna</t>
  </si>
  <si>
    <t>Položka č. 7 - Sáčky do koša 35 litrové</t>
  </si>
  <si>
    <t>hrúbka min. 0,023 mm</t>
  </si>
  <si>
    <t>materiál LDPE</t>
  </si>
  <si>
    <t>Položka č. 8 - Sáčky do koša 60 litrové</t>
  </si>
  <si>
    <t>šírka 600 mm</t>
  </si>
  <si>
    <t>výška 700 mm</t>
  </si>
  <si>
    <t>hrúbka min. 0,025 mm</t>
  </si>
  <si>
    <t>šírka 250 mm</t>
  </si>
  <si>
    <t>výška 470 mm</t>
  </si>
  <si>
    <t>hrúbka min. 0,012 mm</t>
  </si>
  <si>
    <t>min. nosnosť tašky 5 kg</t>
  </si>
  <si>
    <t>farba: bezfarebná, priehľadná, resp. biela</t>
  </si>
  <si>
    <t>Položka č. 10 - Vrecká s rýchlouzáverom 70 x 100 mm</t>
  </si>
  <si>
    <t>šírka 70 mm</t>
  </si>
  <si>
    <t>výška 100 mm</t>
  </si>
  <si>
    <t>hrúbka min. 0,04 mm</t>
  </si>
  <si>
    <t>uzatváranie rýchlouzáverom</t>
  </si>
  <si>
    <t>bezfarebné, priesvitné</t>
  </si>
  <si>
    <t>Položka č. 11 - Vrecká s rýchlouzáverom 100 x 150 mm</t>
  </si>
  <si>
    <t>šírka 100 mm</t>
  </si>
  <si>
    <t>výška 150 mm</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1.1 uzná navýšenie konečnej jednotkovej ceny za MJ bez DPH príslušnej položky predmetu zákazky, zašle dodávateľovi oznámenie, v ktorom potvrdí oprávnenie ním ponúknutej ceny.
11.2 neuzná navýšenie konečnej jednotkovej ceny za MJ bez DPH príslušnej položky predmetu zákazky, vyhradzuje si právo odstúpiť od uzavretej rámcovej dohody.</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 xml:space="preserve">22. </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ktorá mu bude oznámená v Oznámení o výsledku vyhodnotenia splnenia požiadaviek na predmet zákazky podľa bodu 2. časti C. tejto rámcovej dohody. Za deň splnenia peňažného záväzku sa považuje deň odpísania dlžnej sumy z účtu objednávateľa v prospech účtu dodávateľa.</t>
  </si>
  <si>
    <r>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t>
    </r>
    <r>
      <rPr>
        <u/>
        <sz val="10"/>
        <color rgb="FF0070C0"/>
        <rFont val="Arial"/>
        <family val="2"/>
        <charset val="238"/>
      </rPr>
      <t>www.vusch.sk</t>
    </r>
    <r>
      <rPr>
        <sz val="10"/>
        <rFont val="Arial"/>
        <family val="2"/>
        <charset val="238"/>
      </rPr>
      <t xml:space="preserve">. </t>
    </r>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Vám bude písomná výpoveď doručená a skončí sa posledným kalendárnym dňom príslušného mesiaca.</t>
  </si>
  <si>
    <t xml:space="preserve">Polyetylénové vrecia, sáčky, tašky a vrecká slúžiace na zber rôzneho druhu odpadu. 
</t>
  </si>
  <si>
    <r>
      <rPr>
        <b/>
        <sz val="10"/>
        <color theme="1"/>
        <rFont val="Arial"/>
        <family val="2"/>
        <charset val="238"/>
      </rPr>
      <t>Funkčné vzorky</t>
    </r>
    <r>
      <rPr>
        <sz val="10"/>
        <color theme="1"/>
        <rFont val="Arial"/>
        <family val="2"/>
        <charset val="238"/>
      </rPr>
      <t xml:space="preserve"> v počte minimálne 1 ks, t.j. 1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Požaduje sa viditeľná identifikácia každej vzorky: „Vzorka – X, Y“ (kde „X" je poradové číslo položky a "Y" je názov ponúkaného produktu). </t>
    </r>
  </si>
  <si>
    <r>
      <t xml:space="preserve">V prípade, ak sa na predmet zákazky vykonala prípravná trhová konzultácia, informácie k prípravnej trhovej konzultácie verejný obstarávateľ zverejňuje na </t>
    </r>
    <r>
      <rPr>
        <u/>
        <sz val="10"/>
        <color rgb="FF0070C0"/>
        <rFont val="Arial"/>
        <family val="2"/>
        <charset val="238"/>
      </rPr>
      <t>www.vusch.sk/verejne-obstaravanie/</t>
    </r>
    <r>
      <rPr>
        <sz val="10"/>
        <rFont val="Arial"/>
        <family val="2"/>
        <charset val="238"/>
      </rPr>
      <t>.</t>
    </r>
  </si>
  <si>
    <t>Požaduje sa poskytovanie plnenia vo viacerých ucelených častiach, a to na základe písomných čiastkových výziev (ďalej len "objednávka") objednávateľa s periodicitou a v minimálnych objemoch podľa jeho aktuálnych prevádzkových potrieb.</t>
  </si>
  <si>
    <t>Vrecká s rýchlouzáverom 70 x 100 mm</t>
  </si>
  <si>
    <t>Vrecká s rýchlouzáverom 100 x 150 mm</t>
  </si>
  <si>
    <t>Kalkulácia ceny a návrh na plnenie kritéria na vyhodnotenie ponúk - Štruktúrovaný rozpočet ceny predmetu zákazky</t>
  </si>
  <si>
    <t>Taška mikroténová 250 x 470 mm</t>
  </si>
  <si>
    <t>Položka č. 9 - Taška mikroténová 250 x 470 mm</t>
  </si>
  <si>
    <r>
      <t xml:space="preserve">Požadovaný počet MJ za zmluvné obdobie           </t>
    </r>
    <r>
      <rPr>
        <sz val="10"/>
        <color rgb="FFFF0000"/>
        <rFont val="Arial"/>
        <family val="2"/>
        <charset val="238"/>
      </rPr>
      <t xml:space="preserve"> </t>
    </r>
    <r>
      <rPr>
        <sz val="10"/>
        <rFont val="Arial"/>
        <family val="2"/>
        <charset val="238"/>
      </rPr>
      <t>24 mesiacov</t>
    </r>
  </si>
  <si>
    <t>Požaduje sa uzatvorenie rámcovej dohody, a to na na dohodnuté zmluvné obdobie dvadsaťštyri (24) kalendárnych mesiacov, resp. do doby naplnenia zmluvného finančného objemu podľa toho, ktorá z uvedených skutočností nastane skôr.</t>
  </si>
  <si>
    <r>
      <t>Prospektový materiál</t>
    </r>
    <r>
      <rPr>
        <sz val="10"/>
        <color theme="1"/>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t>
    </r>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41" formatCode="_-* #,##0\ _€_-;\-* #,##0\ _€_-;_-* &quot;-&quot;\ _€_-;_-@_-"/>
  </numFmts>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color rgb="FF0070C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thin">
        <color auto="1"/>
      </left>
      <right/>
      <top/>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style="dotted">
        <color auto="1"/>
      </top>
      <bottom/>
      <diagonal/>
    </border>
    <border>
      <left style="medium">
        <color auto="1"/>
      </left>
      <right/>
      <top style="thin">
        <color auto="1"/>
      </top>
      <bottom style="thin">
        <color auto="1"/>
      </bottom>
      <diagonal/>
    </border>
    <border>
      <left style="thin">
        <color auto="1"/>
      </left>
      <right style="thin">
        <color auto="1"/>
      </right>
      <top style="thin">
        <color auto="1"/>
      </top>
      <bottom/>
      <diagonal/>
    </border>
    <border>
      <left style="medium">
        <color auto="1"/>
      </left>
      <right style="thin">
        <color auto="1"/>
      </right>
      <top/>
      <bottom style="medium">
        <color auto="1"/>
      </bottom>
      <diagonal/>
    </border>
    <border>
      <left style="thin">
        <color auto="1"/>
      </left>
      <right/>
      <top/>
      <bottom style="dotted">
        <color indexed="64"/>
      </bottom>
      <diagonal/>
    </border>
    <border>
      <left style="thin">
        <color auto="1"/>
      </left>
      <right/>
      <top/>
      <bottom style="thin">
        <color auto="1"/>
      </bottom>
      <diagonal/>
    </border>
    <border>
      <left/>
      <right/>
      <top/>
      <bottom style="thin">
        <color auto="1"/>
      </bottom>
      <diagonal/>
    </border>
    <border>
      <left style="thin">
        <color auto="1"/>
      </left>
      <right/>
      <top/>
      <bottom style="medium">
        <color indexed="64"/>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right style="thin">
        <color auto="1"/>
      </right>
      <top style="medium">
        <color indexed="64"/>
      </top>
      <bottom style="thin">
        <color auto="1"/>
      </bottom>
      <diagonal/>
    </border>
    <border>
      <left/>
      <right style="thin">
        <color auto="1"/>
      </right>
      <top style="thin">
        <color auto="1"/>
      </top>
      <bottom style="medium">
        <color indexed="64"/>
      </bottom>
      <diagonal/>
    </border>
    <border>
      <left/>
      <right style="medium">
        <color indexed="64"/>
      </right>
      <top style="thin">
        <color auto="1"/>
      </top>
      <bottom style="medium">
        <color indexed="64"/>
      </bottom>
      <diagonal/>
    </border>
    <border>
      <left style="medium">
        <color auto="1"/>
      </left>
      <right/>
      <top/>
      <bottom style="thin">
        <color auto="1"/>
      </bottom>
      <diagonal/>
    </border>
    <border>
      <left/>
      <right style="medium">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6"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3"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6"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6" xfId="5" applyFont="1" applyFill="1" applyBorder="1" applyAlignment="1">
      <alignment horizontal="right" vertical="center" wrapText="1"/>
    </xf>
    <xf numFmtId="0" fontId="7" fillId="0" borderId="31" xfId="0" applyNumberFormat="1" applyFont="1" applyBorder="1" applyAlignment="1">
      <alignment horizontal="center" vertical="center" wrapText="1"/>
    </xf>
    <xf numFmtId="0" fontId="7" fillId="0" borderId="16" xfId="0" applyNumberFormat="1" applyFont="1" applyBorder="1" applyAlignment="1">
      <alignment horizontal="center" vertical="center" wrapText="1"/>
    </xf>
    <xf numFmtId="0" fontId="7" fillId="0" borderId="32" xfId="0" applyNumberFormat="1" applyFont="1" applyBorder="1" applyAlignment="1">
      <alignment horizontal="center" vertical="center" wrapText="1"/>
    </xf>
    <xf numFmtId="49" fontId="5" fillId="5" borderId="20" xfId="0" applyNumberFormat="1" applyFont="1" applyFill="1" applyBorder="1" applyAlignment="1">
      <alignment vertical="center" wrapText="1"/>
    </xf>
    <xf numFmtId="49" fontId="5" fillId="5" borderId="15" xfId="0" applyNumberFormat="1" applyFont="1" applyFill="1" applyBorder="1" applyAlignment="1">
      <alignment vertical="center" wrapText="1"/>
    </xf>
    <xf numFmtId="0" fontId="4" fillId="6" borderId="16" xfId="0" applyFont="1" applyFill="1" applyBorder="1" applyAlignment="1">
      <alignment vertical="center" wrapText="1"/>
    </xf>
    <xf numFmtId="0" fontId="4" fillId="0" borderId="16" xfId="0" applyFont="1" applyBorder="1" applyAlignment="1">
      <alignment vertical="center" wrapText="1"/>
    </xf>
    <xf numFmtId="0" fontId="7" fillId="0" borderId="0" xfId="0" applyFont="1" applyAlignment="1">
      <alignment horizontal="right" vertical="top" wrapText="1"/>
    </xf>
    <xf numFmtId="49" fontId="5" fillId="5" borderId="31" xfId="0" applyNumberFormat="1" applyFont="1" applyFill="1" applyBorder="1" applyAlignment="1">
      <alignment vertical="center" wrapText="1"/>
    </xf>
    <xf numFmtId="49" fontId="2" fillId="0" borderId="28"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0" fontId="7" fillId="0" borderId="16" xfId="0" applyNumberFormat="1" applyFont="1" applyFill="1" applyBorder="1" applyAlignment="1">
      <alignment horizontal="center" vertical="center" wrapText="1"/>
    </xf>
    <xf numFmtId="0" fontId="4" fillId="0" borderId="44" xfId="0" applyFont="1" applyFill="1" applyBorder="1" applyAlignment="1">
      <alignment horizontal="left" vertical="center" wrapText="1"/>
    </xf>
    <xf numFmtId="0" fontId="4" fillId="0" borderId="16" xfId="0" applyFont="1" applyFill="1" applyBorder="1" applyAlignment="1">
      <alignment vertical="center" wrapText="1"/>
    </xf>
    <xf numFmtId="0" fontId="2" fillId="0" borderId="0" xfId="0" applyFont="1" applyFill="1" applyAlignment="1">
      <alignment vertical="center"/>
    </xf>
    <xf numFmtId="49" fontId="2" fillId="0" borderId="43" xfId="0" applyNumberFormat="1" applyFont="1" applyBorder="1" applyAlignment="1">
      <alignment horizontal="center" vertical="center"/>
    </xf>
    <xf numFmtId="49" fontId="2" fillId="0" borderId="43" xfId="0" applyNumberFormat="1" applyFont="1" applyFill="1" applyBorder="1" applyAlignment="1">
      <alignment horizontal="center" vertical="center"/>
    </xf>
    <xf numFmtId="49" fontId="2" fillId="0" borderId="11" xfId="0" applyNumberFormat="1" applyFont="1" applyBorder="1" applyAlignment="1">
      <alignment horizontal="center" vertical="center"/>
    </xf>
    <xf numFmtId="49" fontId="2" fillId="0" borderId="41" xfId="0" applyNumberFormat="1" applyFont="1" applyBorder="1" applyAlignment="1">
      <alignment horizontal="center" vertical="center"/>
    </xf>
    <xf numFmtId="49" fontId="2" fillId="0" borderId="11" xfId="0" applyNumberFormat="1" applyFont="1" applyFill="1" applyBorder="1" applyAlignment="1">
      <alignment horizontal="center" vertical="center"/>
    </xf>
    <xf numFmtId="49" fontId="2" fillId="0" borderId="5" xfId="0" applyNumberFormat="1" applyFont="1" applyFill="1" applyBorder="1" applyAlignment="1">
      <alignment horizontal="left" vertical="center" wrapText="1"/>
    </xf>
    <xf numFmtId="49" fontId="2" fillId="0" borderId="28" xfId="0" applyNumberFormat="1" applyFont="1" applyFill="1" applyBorder="1" applyAlignment="1">
      <alignment horizontal="left" vertical="center" wrapText="1"/>
    </xf>
    <xf numFmtId="49" fontId="2" fillId="0" borderId="9" xfId="0" applyNumberFormat="1" applyFont="1" applyFill="1" applyBorder="1" applyAlignment="1">
      <alignment horizontal="center" vertical="center" wrapText="1"/>
    </xf>
    <xf numFmtId="49" fontId="2" fillId="0" borderId="11" xfId="0" applyNumberFormat="1" applyFont="1" applyFill="1" applyBorder="1" applyAlignment="1">
      <alignment horizontal="center" vertical="center" wrapText="1"/>
    </xf>
    <xf numFmtId="49" fontId="2" fillId="0" borderId="41" xfId="0" applyNumberFormat="1" applyFont="1" applyFill="1" applyBorder="1" applyAlignment="1">
      <alignment horizontal="center" vertical="center" wrapText="1"/>
    </xf>
    <xf numFmtId="49" fontId="2" fillId="0" borderId="45" xfId="0" applyNumberFormat="1" applyFont="1" applyFill="1" applyBorder="1" applyAlignment="1">
      <alignment horizontal="center" vertical="center" wrapText="1"/>
    </xf>
    <xf numFmtId="49" fontId="2" fillId="0" borderId="38" xfId="0" applyNumberFormat="1" applyFont="1" applyFill="1" applyBorder="1" applyAlignment="1">
      <alignment horizontal="right" vertical="center" wrapText="1"/>
    </xf>
    <xf numFmtId="49" fontId="2" fillId="0" borderId="40" xfId="0" applyNumberFormat="1" applyFont="1" applyFill="1" applyBorder="1" applyAlignment="1">
      <alignment horizontal="center" vertical="center" wrapText="1"/>
    </xf>
    <xf numFmtId="49" fontId="2" fillId="0" borderId="39" xfId="0" applyNumberFormat="1" applyFont="1" applyFill="1" applyBorder="1" applyAlignment="1">
      <alignment horizontal="right" vertical="center" wrapText="1"/>
    </xf>
    <xf numFmtId="49" fontId="2" fillId="0" borderId="42" xfId="0" applyNumberFormat="1" applyFont="1" applyFill="1" applyBorder="1" applyAlignment="1">
      <alignment horizontal="right" vertical="center" wrapText="1"/>
    </xf>
    <xf numFmtId="49" fontId="2" fillId="0" borderId="10" xfId="0" applyNumberFormat="1" applyFont="1" applyFill="1" applyBorder="1" applyAlignment="1">
      <alignment horizontal="right" vertical="center" wrapText="1"/>
    </xf>
    <xf numFmtId="0" fontId="10" fillId="0" borderId="0" xfId="0" applyFont="1" applyBorder="1" applyAlignment="1">
      <alignment horizontal="center" vertical="center" wrapText="1"/>
    </xf>
    <xf numFmtId="49" fontId="2" fillId="2" borderId="50" xfId="0" applyNumberFormat="1" applyFont="1" applyFill="1" applyBorder="1" applyAlignment="1">
      <alignment horizontal="center" vertical="center" wrapText="1"/>
    </xf>
    <xf numFmtId="0" fontId="11" fillId="0" borderId="0" xfId="0" applyNumberFormat="1" applyFont="1" applyBorder="1" applyAlignment="1">
      <alignment horizontal="left" wrapText="1"/>
    </xf>
    <xf numFmtId="0" fontId="4" fillId="0" borderId="5"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49" xfId="0" applyFont="1" applyFill="1" applyBorder="1" applyAlignment="1">
      <alignment horizontal="left" vertical="center" wrapText="1"/>
    </xf>
    <xf numFmtId="14" fontId="11" fillId="0" borderId="0" xfId="0" applyNumberFormat="1" applyFont="1" applyBorder="1" applyAlignment="1">
      <alignment horizontal="left" vertical="top" wrapText="1"/>
    </xf>
    <xf numFmtId="0" fontId="3" fillId="0" borderId="16" xfId="0" applyFont="1" applyFill="1" applyBorder="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4" fillId="0" borderId="46"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2" fillId="0" borderId="5" xfId="0" applyFont="1" applyBorder="1" applyAlignment="1">
      <alignment horizontal="left" vertical="center" wrapText="1"/>
    </xf>
    <xf numFmtId="0" fontId="2" fillId="0" borderId="7" xfId="0" applyFont="1" applyBorder="1" applyAlignment="1">
      <alignment horizontal="left" vertical="center" wrapText="1"/>
    </xf>
    <xf numFmtId="0" fontId="7" fillId="0" borderId="7" xfId="0" applyNumberFormat="1" applyFont="1" applyBorder="1" applyAlignment="1">
      <alignment horizontal="center" vertical="center" wrapText="1"/>
    </xf>
    <xf numFmtId="0" fontId="7" fillId="0" borderId="7" xfId="0" applyNumberFormat="1" applyFont="1" applyFill="1" applyBorder="1" applyAlignment="1">
      <alignment horizontal="center" vertical="center" wrapText="1"/>
    </xf>
    <xf numFmtId="0" fontId="4" fillId="0" borderId="16" xfId="0" applyFont="1" applyBorder="1" applyAlignment="1">
      <alignment horizontal="left" vertical="center"/>
    </xf>
    <xf numFmtId="49" fontId="2" fillId="0" borderId="6" xfId="0" applyNumberFormat="1" applyFont="1" applyFill="1" applyBorder="1" applyAlignment="1">
      <alignment vertical="center"/>
    </xf>
    <xf numFmtId="49" fontId="2" fillId="0" borderId="28" xfId="0" applyNumberFormat="1" applyFont="1" applyFill="1" applyBorder="1" applyAlignment="1">
      <alignment vertical="center"/>
    </xf>
    <xf numFmtId="0" fontId="7" fillId="5" borderId="16" xfId="0" applyNumberFormat="1" applyFont="1" applyFill="1" applyBorder="1" applyAlignment="1">
      <alignment horizontal="center" vertical="center" wrapText="1"/>
    </xf>
    <xf numFmtId="49" fontId="2" fillId="0" borderId="16" xfId="0" applyNumberFormat="1" applyFont="1" applyFill="1" applyBorder="1" applyAlignment="1">
      <alignment horizontal="center" vertical="center"/>
    </xf>
    <xf numFmtId="0" fontId="7" fillId="0" borderId="44" xfId="0" applyNumberFormat="1" applyFont="1" applyBorder="1" applyAlignment="1">
      <alignment horizontal="center" vertical="center" wrapText="1"/>
    </xf>
    <xf numFmtId="0" fontId="2" fillId="3" borderId="9" xfId="0" applyFont="1" applyFill="1" applyBorder="1" applyAlignment="1">
      <alignment horizontal="left" vertical="top" wrapText="1"/>
    </xf>
    <xf numFmtId="0" fontId="2" fillId="3" borderId="31" xfId="0" applyFont="1" applyFill="1" applyBorder="1" applyAlignment="1">
      <alignment horizontal="center" vertical="top" wrapText="1"/>
    </xf>
    <xf numFmtId="0" fontId="2" fillId="3" borderId="12" xfId="0" applyFont="1" applyFill="1" applyBorder="1" applyAlignment="1">
      <alignment horizontal="center" vertical="top" wrapText="1"/>
    </xf>
    <xf numFmtId="0" fontId="2" fillId="0" borderId="11" xfId="0" applyFont="1" applyBorder="1" applyAlignment="1">
      <alignment vertical="center" wrapText="1"/>
    </xf>
    <xf numFmtId="0" fontId="2" fillId="0" borderId="17" xfId="0" applyFont="1" applyBorder="1" applyAlignment="1">
      <alignment vertical="center" wrapText="1"/>
    </xf>
    <xf numFmtId="0" fontId="2" fillId="0" borderId="32" xfId="0" applyFont="1" applyFill="1" applyBorder="1" applyAlignment="1">
      <alignment horizontal="center" vertical="center" wrapText="1"/>
    </xf>
    <xf numFmtId="0" fontId="10" fillId="0" borderId="0" xfId="0" applyFont="1" applyBorder="1" applyAlignment="1">
      <alignment horizontal="center" vertical="center" wrapText="1"/>
    </xf>
    <xf numFmtId="0" fontId="2" fillId="0" borderId="32" xfId="0" applyFont="1" applyFill="1" applyBorder="1" applyAlignment="1">
      <alignment horizontal="left" vertical="center" wrapText="1"/>
    </xf>
    <xf numFmtId="49" fontId="2" fillId="0" borderId="17" xfId="0" applyNumberFormat="1" applyFont="1" applyFill="1" applyBorder="1" applyAlignment="1">
      <alignment horizontal="center" vertical="center" wrapText="1"/>
    </xf>
    <xf numFmtId="49" fontId="5" fillId="5" borderId="48" xfId="0" applyNumberFormat="1" applyFont="1" applyFill="1" applyBorder="1" applyAlignment="1">
      <alignment vertical="center" wrapText="1"/>
    </xf>
    <xf numFmtId="49" fontId="5" fillId="5" borderId="57" xfId="0" applyNumberFormat="1" applyFont="1" applyFill="1" applyBorder="1" applyAlignment="1">
      <alignment vertical="center" wrapText="1"/>
    </xf>
    <xf numFmtId="49" fontId="4" fillId="0" borderId="11" xfId="0" applyNumberFormat="1"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28" xfId="0" applyFont="1" applyFill="1" applyBorder="1" applyAlignment="1">
      <alignment horizontal="center" vertical="center" wrapText="1"/>
    </xf>
    <xf numFmtId="49" fontId="3" fillId="5" borderId="43" xfId="0" applyNumberFormat="1" applyFont="1" applyFill="1" applyBorder="1" applyAlignment="1">
      <alignment horizontal="left" vertical="center"/>
    </xf>
    <xf numFmtId="49" fontId="3" fillId="5" borderId="7" xfId="0" applyNumberFormat="1" applyFont="1" applyFill="1" applyBorder="1" applyAlignment="1">
      <alignment horizontal="left" vertical="center"/>
    </xf>
    <xf numFmtId="0" fontId="11" fillId="0" borderId="0" xfId="0" applyNumberFormat="1" applyFont="1" applyBorder="1" applyAlignment="1">
      <alignment horizontal="left" vertical="center" wrapText="1"/>
    </xf>
    <xf numFmtId="0" fontId="2" fillId="0" borderId="16"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3" fillId="2" borderId="22" xfId="0" applyFont="1" applyFill="1" applyBorder="1" applyAlignment="1">
      <alignment horizontal="center" vertical="top" wrapText="1"/>
    </xf>
    <xf numFmtId="0" fontId="3" fillId="2" borderId="21"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51" xfId="0" applyNumberFormat="1" applyFont="1" applyFill="1" applyBorder="1" applyAlignment="1">
      <alignment horizontal="center" vertical="center" wrapText="1"/>
    </xf>
    <xf numFmtId="49" fontId="2" fillId="2" borderId="52" xfId="0" applyNumberFormat="1" applyFont="1" applyFill="1" applyBorder="1" applyAlignment="1">
      <alignment horizontal="center" vertical="center" wrapText="1"/>
    </xf>
    <xf numFmtId="0" fontId="2" fillId="0" borderId="32"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0" xfId="0" applyFont="1" applyFill="1" applyBorder="1" applyAlignment="1">
      <alignment horizontal="center" vertical="center" wrapText="1"/>
    </xf>
    <xf numFmtId="0" fontId="2" fillId="0" borderId="55" xfId="0" applyFont="1" applyFill="1" applyBorder="1" applyAlignment="1">
      <alignment horizontal="center" vertical="center" wrapText="1"/>
    </xf>
    <xf numFmtId="49" fontId="2" fillId="5" borderId="5" xfId="0" applyNumberFormat="1" applyFont="1" applyFill="1" applyBorder="1" applyAlignment="1">
      <alignment horizontal="center" vertical="center" wrapText="1"/>
    </xf>
    <xf numFmtId="49" fontId="2" fillId="5" borderId="28" xfId="0" applyNumberFormat="1"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49" fontId="2" fillId="0" borderId="16"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0" fontId="12" fillId="0" borderId="8" xfId="0" applyFont="1" applyBorder="1" applyAlignment="1">
      <alignment horizontal="center"/>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49" fontId="3" fillId="5" borderId="14" xfId="0" applyNumberFormat="1" applyFont="1" applyFill="1" applyBorder="1" applyAlignment="1">
      <alignment horizontal="left" vertical="center" wrapText="1"/>
    </xf>
    <xf numFmtId="49" fontId="3" fillId="5" borderId="21" xfId="0" applyNumberFormat="1"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2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2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6" xfId="0" applyNumberFormat="1" applyFont="1" applyFill="1" applyBorder="1" applyAlignment="1">
      <alignment horizontal="left" vertical="center" wrapText="1"/>
    </xf>
    <xf numFmtId="49" fontId="2" fillId="0" borderId="13" xfId="0" applyNumberFormat="1" applyFont="1" applyFill="1" applyBorder="1" applyAlignment="1">
      <alignment horizontal="left" vertical="center" wrapText="1"/>
    </xf>
    <xf numFmtId="49" fontId="2" fillId="5" borderId="16" xfId="0" applyNumberFormat="1" applyFont="1" applyFill="1" applyBorder="1" applyAlignment="1">
      <alignment horizontal="left" vertical="center" wrapText="1"/>
    </xf>
    <xf numFmtId="49" fontId="2" fillId="5" borderId="13" xfId="0" applyNumberFormat="1" applyFont="1" applyFill="1" applyBorder="1" applyAlignment="1">
      <alignment horizontal="left" vertical="center" wrapText="1"/>
    </xf>
    <xf numFmtId="49" fontId="3" fillId="5" borderId="56" xfId="0" applyNumberFormat="1" applyFont="1" applyFill="1" applyBorder="1" applyAlignment="1">
      <alignment horizontal="left" vertical="center" wrapText="1"/>
    </xf>
    <xf numFmtId="49" fontId="3" fillId="5" borderId="48" xfId="0" applyNumberFormat="1"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12" xfId="0" applyFont="1" applyFill="1" applyBorder="1" applyAlignment="1">
      <alignment horizontal="left" vertical="center" wrapText="1"/>
    </xf>
    <xf numFmtId="49" fontId="3" fillId="2" borderId="18"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2" fillId="2" borderId="24" xfId="0" applyNumberFormat="1" applyFont="1" applyFill="1" applyBorder="1" applyAlignment="1">
      <alignment horizontal="center" vertical="center" wrapText="1"/>
    </xf>
    <xf numFmtId="49" fontId="2" fillId="2" borderId="25"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27" xfId="0" applyFont="1" applyFill="1" applyBorder="1" applyAlignment="1">
      <alignment horizontal="left" vertical="top" wrapText="1"/>
    </xf>
    <xf numFmtId="0" fontId="2" fillId="3" borderId="53" xfId="0" applyFont="1" applyFill="1" applyBorder="1" applyAlignment="1">
      <alignment horizontal="left" vertical="top" wrapText="1"/>
    </xf>
    <xf numFmtId="0" fontId="2" fillId="0" borderId="5" xfId="0" applyFont="1" applyBorder="1" applyAlignment="1">
      <alignment horizontal="left" vertical="center" wrapText="1"/>
    </xf>
    <xf numFmtId="0" fontId="2" fillId="0" borderId="7" xfId="0" applyFont="1" applyBorder="1" applyAlignment="1">
      <alignment horizontal="left" vertical="center" wrapText="1"/>
    </xf>
    <xf numFmtId="0" fontId="2" fillId="0" borderId="30" xfId="0" applyFont="1" applyBorder="1" applyAlignment="1">
      <alignment horizontal="left" vertical="center" wrapText="1"/>
    </xf>
    <xf numFmtId="0" fontId="2" fillId="0" borderId="54" xfId="0" applyFont="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vertical="center" wrapText="1"/>
    </xf>
    <xf numFmtId="0" fontId="5" fillId="0" borderId="0" xfId="0" applyFont="1" applyFill="1" applyAlignment="1">
      <alignment horizontal="left" vertical="center" wrapText="1"/>
    </xf>
    <xf numFmtId="41" fontId="4" fillId="0" borderId="13" xfId="0" applyNumberFormat="1" applyFont="1" applyFill="1" applyBorder="1" applyAlignment="1">
      <alignment horizontal="center" vertical="center" wrapText="1"/>
    </xf>
    <xf numFmtId="41" fontId="4" fillId="0" borderId="33" xfId="0" applyNumberFormat="1" applyFont="1" applyFill="1" applyBorder="1" applyAlignment="1">
      <alignment horizontal="center" vertical="center" wrapText="1"/>
    </xf>
    <xf numFmtId="0" fontId="4" fillId="0" borderId="27"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0</xdr:row>
          <xdr:rowOff>9525</xdr:rowOff>
        </xdr:from>
        <xdr:to>
          <xdr:col>0</xdr:col>
          <xdr:colOff>885825</xdr:colOff>
          <xdr:row>4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1</xdr:row>
          <xdr:rowOff>0</xdr:rowOff>
        </xdr:from>
        <xdr:to>
          <xdr:col>0</xdr:col>
          <xdr:colOff>885825</xdr:colOff>
          <xdr:row>4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97"/>
  <sheetViews>
    <sheetView showGridLines="0" tabSelected="1" topLeftCell="A22" zoomScaleNormal="100" workbookViewId="0">
      <selection activeCell="A12" sqref="A12:C12"/>
    </sheetView>
  </sheetViews>
  <sheetFormatPr defaultRowHeight="12.75" x14ac:dyDescent="0.2"/>
  <cols>
    <col min="1" max="1" width="13.5703125" style="1" customWidth="1"/>
    <col min="2" max="2" width="70.42578125" style="1" customWidth="1"/>
    <col min="3" max="3" width="16.42578125" style="8" customWidth="1"/>
    <col min="4" max="4" width="13.7109375" style="8" customWidth="1"/>
    <col min="5" max="5" width="19.7109375" style="2" customWidth="1"/>
    <col min="6" max="6" width="17.140625" style="1" customWidth="1"/>
    <col min="7" max="7" width="9.140625" style="1"/>
    <col min="8" max="8" width="9.140625" style="1" customWidth="1"/>
    <col min="9" max="16384" width="9.140625" style="1"/>
  </cols>
  <sheetData>
    <row r="1" spans="1:5" ht="24" customHeight="1" x14ac:dyDescent="0.2">
      <c r="A1" s="129" t="s">
        <v>47</v>
      </c>
      <c r="B1" s="129"/>
      <c r="C1" s="129"/>
      <c r="D1" s="129"/>
      <c r="E1" s="129"/>
    </row>
    <row r="2" spans="1:5" ht="27.75" customHeight="1" x14ac:dyDescent="0.2">
      <c r="A2" s="128" t="s">
        <v>45</v>
      </c>
      <c r="B2" s="128"/>
      <c r="C2" s="128"/>
      <c r="D2" s="128"/>
      <c r="E2" s="128"/>
    </row>
    <row r="3" spans="1:5" ht="54.75" customHeight="1" x14ac:dyDescent="0.2">
      <c r="A3" s="161" t="s">
        <v>51</v>
      </c>
      <c r="B3" s="161"/>
      <c r="C3" s="161"/>
      <c r="D3" s="161"/>
      <c r="E3" s="161"/>
    </row>
    <row r="4" spans="1:5" ht="24.95" customHeight="1" x14ac:dyDescent="0.2">
      <c r="A4" s="40" t="s">
        <v>50</v>
      </c>
      <c r="B4" s="81"/>
      <c r="C4" s="37"/>
      <c r="D4" s="37"/>
      <c r="E4" s="37"/>
    </row>
    <row r="5" spans="1:5" ht="24.95" customHeight="1" x14ac:dyDescent="0.2">
      <c r="A5" s="40" t="s">
        <v>48</v>
      </c>
      <c r="B5" s="82"/>
      <c r="C5" s="37"/>
      <c r="D5" s="37"/>
      <c r="E5" s="37"/>
    </row>
    <row r="6" spans="1:5" ht="5.0999999999999996" customHeight="1" x14ac:dyDescent="0.2">
      <c r="A6" s="37"/>
      <c r="B6" s="37"/>
      <c r="C6" s="37"/>
      <c r="D6" s="37"/>
      <c r="E6" s="37"/>
    </row>
    <row r="7" spans="1:5" s="2" customFormat="1" ht="20.100000000000001" customHeight="1" x14ac:dyDescent="0.25">
      <c r="A7" s="135" t="s">
        <v>4</v>
      </c>
      <c r="B7" s="135"/>
      <c r="C7" s="135"/>
      <c r="D7" s="135"/>
      <c r="E7" s="135"/>
    </row>
    <row r="8" spans="1:5" s="2" customFormat="1" ht="20.100000000000001" customHeight="1" x14ac:dyDescent="0.25">
      <c r="A8" s="162" t="s">
        <v>8</v>
      </c>
      <c r="B8" s="162"/>
      <c r="C8" s="162"/>
      <c r="D8" s="162"/>
      <c r="E8" s="162"/>
    </row>
    <row r="9" spans="1:5" ht="24.95" customHeight="1" x14ac:dyDescent="0.2">
      <c r="A9" s="163" t="s">
        <v>102</v>
      </c>
      <c r="B9" s="163"/>
      <c r="C9" s="163"/>
      <c r="D9" s="163"/>
      <c r="E9" s="163"/>
    </row>
    <row r="10" spans="1:5" ht="4.5" customHeight="1" x14ac:dyDescent="0.2">
      <c r="A10" s="39"/>
      <c r="B10" s="39"/>
      <c r="C10" s="39"/>
      <c r="D10" s="39"/>
      <c r="E10" s="39"/>
    </row>
    <row r="11" spans="1:5" s="2" customFormat="1" ht="20.100000000000001" customHeight="1" x14ac:dyDescent="0.25">
      <c r="A11" s="164" t="s">
        <v>9</v>
      </c>
      <c r="B11" s="164"/>
      <c r="C11" s="164"/>
      <c r="D11" s="164"/>
      <c r="E11" s="164"/>
    </row>
    <row r="12" spans="1:5" s="2" customFormat="1" ht="24.95" customHeight="1" x14ac:dyDescent="0.2">
      <c r="A12" s="130" t="s">
        <v>103</v>
      </c>
      <c r="B12" s="130"/>
      <c r="C12" s="130"/>
      <c r="D12" s="15"/>
      <c r="E12" s="15"/>
    </row>
    <row r="13" spans="1:5" s="2" customFormat="1" ht="24.95" customHeight="1" x14ac:dyDescent="0.2">
      <c r="A13" s="130" t="s">
        <v>104</v>
      </c>
      <c r="B13" s="130"/>
      <c r="C13" s="130"/>
      <c r="D13" s="15"/>
      <c r="E13" s="15"/>
    </row>
    <row r="14" spans="1:5" s="3" customFormat="1" ht="20.100000000000001" customHeight="1" x14ac:dyDescent="0.25">
      <c r="A14" s="130" t="s">
        <v>25</v>
      </c>
      <c r="B14" s="130"/>
      <c r="C14" s="130"/>
      <c r="D14" s="18"/>
      <c r="E14" s="19"/>
    </row>
    <row r="15" spans="1:5" ht="4.5" customHeight="1" x14ac:dyDescent="0.2">
      <c r="A15" s="39"/>
      <c r="B15" s="39"/>
      <c r="C15" s="39"/>
      <c r="D15" s="39"/>
      <c r="E15" s="39"/>
    </row>
    <row r="16" spans="1:5" ht="20.100000000000001" customHeight="1" x14ac:dyDescent="0.2">
      <c r="A16" s="38" t="s">
        <v>10</v>
      </c>
      <c r="B16" s="20"/>
      <c r="C16" s="20"/>
      <c r="D16" s="21"/>
      <c r="E16" s="21"/>
    </row>
    <row r="17" spans="1:5" s="3" customFormat="1" ht="24.95" customHeight="1" x14ac:dyDescent="0.25">
      <c r="A17" s="174" t="s">
        <v>74</v>
      </c>
      <c r="B17" s="174"/>
      <c r="C17" s="174"/>
      <c r="D17" s="18"/>
      <c r="E17" s="19"/>
    </row>
    <row r="18" spans="1:5" ht="5.0999999999999996" customHeight="1" x14ac:dyDescent="0.2">
      <c r="A18" s="175"/>
      <c r="B18" s="175"/>
      <c r="C18" s="175"/>
      <c r="E18" s="16"/>
    </row>
    <row r="19" spans="1:5" s="2" customFormat="1" ht="20.100000000000001" customHeight="1" x14ac:dyDescent="0.25">
      <c r="A19" s="135" t="s">
        <v>22</v>
      </c>
      <c r="B19" s="135"/>
      <c r="C19" s="135"/>
      <c r="D19" s="135"/>
      <c r="E19" s="135"/>
    </row>
    <row r="20" spans="1:5" s="2" customFormat="1" ht="33.75" customHeight="1" x14ac:dyDescent="0.25">
      <c r="A20" s="176" t="s">
        <v>181</v>
      </c>
      <c r="B20" s="177"/>
      <c r="C20" s="177"/>
      <c r="D20" s="177"/>
      <c r="E20" s="177"/>
    </row>
    <row r="21" spans="1:5" ht="5.0999999999999996" customHeight="1" x14ac:dyDescent="0.2">
      <c r="A21" s="175"/>
      <c r="B21" s="175"/>
      <c r="C21" s="175"/>
      <c r="E21" s="16"/>
    </row>
    <row r="22" spans="1:5" s="2" customFormat="1" ht="20.100000000000001" customHeight="1" x14ac:dyDescent="0.25">
      <c r="A22" s="135" t="s">
        <v>23</v>
      </c>
      <c r="B22" s="135"/>
      <c r="C22" s="135"/>
      <c r="D22" s="135"/>
      <c r="E22" s="135"/>
    </row>
    <row r="23" spans="1:5" s="9" customFormat="1" ht="20.100000000000001" customHeight="1" x14ac:dyDescent="0.25">
      <c r="A23" s="167" t="s">
        <v>5</v>
      </c>
      <c r="B23" s="167"/>
      <c r="C23" s="167"/>
      <c r="D23" s="167"/>
      <c r="E23" s="167"/>
    </row>
    <row r="24" spans="1:5" s="9" customFormat="1" ht="20.100000000000001" customHeight="1" x14ac:dyDescent="0.25">
      <c r="A24" s="131" t="s">
        <v>16</v>
      </c>
      <c r="B24" s="132"/>
      <c r="C24" s="14"/>
      <c r="D24" s="14"/>
      <c r="E24" s="14"/>
    </row>
    <row r="25" spans="1:5" s="9" customFormat="1" ht="20.100000000000001" customHeight="1" x14ac:dyDescent="0.25">
      <c r="A25" s="13"/>
      <c r="B25" s="13" t="s">
        <v>20</v>
      </c>
      <c r="C25" s="14"/>
      <c r="D25" s="14"/>
      <c r="E25" s="14"/>
    </row>
    <row r="26" spans="1:5" s="9" customFormat="1" ht="20.100000000000001" customHeight="1" x14ac:dyDescent="0.25">
      <c r="A26" s="13"/>
      <c r="B26" s="13" t="s">
        <v>21</v>
      </c>
      <c r="C26" s="14"/>
      <c r="D26" s="14"/>
      <c r="E26" s="14"/>
    </row>
    <row r="27" spans="1:5" s="9" customFormat="1" ht="20.100000000000001" customHeight="1" thickBot="1" x14ac:dyDescent="0.3">
      <c r="A27" s="131" t="s">
        <v>17</v>
      </c>
      <c r="B27" s="132"/>
      <c r="C27" s="14"/>
      <c r="D27" s="14"/>
      <c r="E27" s="14"/>
    </row>
    <row r="28" spans="1:5" s="9" customFormat="1" ht="43.5" customHeight="1" x14ac:dyDescent="0.25">
      <c r="A28" s="97" t="s">
        <v>18</v>
      </c>
      <c r="B28" s="168" t="s">
        <v>12</v>
      </c>
      <c r="C28" s="169"/>
      <c r="D28" s="98" t="s">
        <v>11</v>
      </c>
      <c r="E28" s="99" t="s">
        <v>190</v>
      </c>
    </row>
    <row r="29" spans="1:5" s="9" customFormat="1" ht="24.95" customHeight="1" x14ac:dyDescent="0.25">
      <c r="A29" s="100" t="s">
        <v>1</v>
      </c>
      <c r="B29" s="170" t="s">
        <v>114</v>
      </c>
      <c r="C29" s="171"/>
      <c r="D29" s="17" t="s">
        <v>0</v>
      </c>
      <c r="E29" s="178">
        <v>24000</v>
      </c>
    </row>
    <row r="30" spans="1:5" s="9" customFormat="1" ht="24.95" customHeight="1" x14ac:dyDescent="0.25">
      <c r="A30" s="100" t="s">
        <v>77</v>
      </c>
      <c r="B30" s="87" t="s">
        <v>115</v>
      </c>
      <c r="C30" s="88"/>
      <c r="D30" s="17" t="s">
        <v>0</v>
      </c>
      <c r="E30" s="178">
        <v>4950</v>
      </c>
    </row>
    <row r="31" spans="1:5" s="9" customFormat="1" ht="24.95" customHeight="1" x14ac:dyDescent="0.25">
      <c r="A31" s="100" t="s">
        <v>105</v>
      </c>
      <c r="B31" s="87" t="s">
        <v>116</v>
      </c>
      <c r="C31" s="88"/>
      <c r="D31" s="17" t="s">
        <v>0</v>
      </c>
      <c r="E31" s="178">
        <v>8000</v>
      </c>
    </row>
    <row r="32" spans="1:5" s="9" customFormat="1" ht="24.95" customHeight="1" x14ac:dyDescent="0.25">
      <c r="A32" s="100" t="s">
        <v>106</v>
      </c>
      <c r="B32" s="87" t="s">
        <v>117</v>
      </c>
      <c r="C32" s="88"/>
      <c r="D32" s="17" t="s">
        <v>0</v>
      </c>
      <c r="E32" s="178">
        <v>76000</v>
      </c>
    </row>
    <row r="33" spans="1:6" s="9" customFormat="1" ht="24.95" customHeight="1" x14ac:dyDescent="0.25">
      <c r="A33" s="100" t="s">
        <v>107</v>
      </c>
      <c r="B33" s="87" t="s">
        <v>118</v>
      </c>
      <c r="C33" s="88"/>
      <c r="D33" s="17" t="s">
        <v>0</v>
      </c>
      <c r="E33" s="178">
        <v>17200</v>
      </c>
    </row>
    <row r="34" spans="1:6" s="9" customFormat="1" ht="24.95" customHeight="1" x14ac:dyDescent="0.25">
      <c r="A34" s="100" t="s">
        <v>108</v>
      </c>
      <c r="B34" s="87" t="s">
        <v>119</v>
      </c>
      <c r="C34" s="88"/>
      <c r="D34" s="17" t="s">
        <v>0</v>
      </c>
      <c r="E34" s="178">
        <v>16800</v>
      </c>
    </row>
    <row r="35" spans="1:6" s="9" customFormat="1" ht="24.95" customHeight="1" x14ac:dyDescent="0.25">
      <c r="A35" s="100" t="s">
        <v>109</v>
      </c>
      <c r="B35" s="87" t="s">
        <v>120</v>
      </c>
      <c r="C35" s="88"/>
      <c r="D35" s="17" t="s">
        <v>0</v>
      </c>
      <c r="E35" s="178">
        <v>148000</v>
      </c>
    </row>
    <row r="36" spans="1:6" s="9" customFormat="1" ht="24.95" customHeight="1" x14ac:dyDescent="0.25">
      <c r="A36" s="100" t="s">
        <v>110</v>
      </c>
      <c r="B36" s="87" t="s">
        <v>121</v>
      </c>
      <c r="C36" s="88"/>
      <c r="D36" s="17" t="s">
        <v>0</v>
      </c>
      <c r="E36" s="178">
        <v>29920</v>
      </c>
    </row>
    <row r="37" spans="1:6" s="9" customFormat="1" ht="24.95" customHeight="1" x14ac:dyDescent="0.25">
      <c r="A37" s="100" t="s">
        <v>111</v>
      </c>
      <c r="B37" s="87" t="s">
        <v>188</v>
      </c>
      <c r="C37" s="88"/>
      <c r="D37" s="17" t="s">
        <v>0</v>
      </c>
      <c r="E37" s="178">
        <v>70000</v>
      </c>
    </row>
    <row r="38" spans="1:6" s="9" customFormat="1" ht="24.95" customHeight="1" x14ac:dyDescent="0.25">
      <c r="A38" s="100" t="s">
        <v>112</v>
      </c>
      <c r="B38" s="87" t="s">
        <v>185</v>
      </c>
      <c r="C38" s="88"/>
      <c r="D38" s="17" t="s">
        <v>0</v>
      </c>
      <c r="E38" s="178">
        <v>20</v>
      </c>
    </row>
    <row r="39" spans="1:6" s="9" customFormat="1" ht="24.95" customHeight="1" thickBot="1" x14ac:dyDescent="0.3">
      <c r="A39" s="101" t="s">
        <v>113</v>
      </c>
      <c r="B39" s="172" t="s">
        <v>186</v>
      </c>
      <c r="C39" s="173"/>
      <c r="D39" s="102" t="s">
        <v>0</v>
      </c>
      <c r="E39" s="179">
        <v>20</v>
      </c>
    </row>
    <row r="40" spans="1:6" s="9" customFormat="1" ht="20.100000000000001" customHeight="1" x14ac:dyDescent="0.25">
      <c r="A40" s="131" t="s">
        <v>19</v>
      </c>
      <c r="B40" s="132"/>
      <c r="C40" s="14"/>
      <c r="D40" s="14"/>
      <c r="E40" s="14"/>
    </row>
    <row r="41" spans="1:6" s="9" customFormat="1" ht="20.100000000000001" customHeight="1" x14ac:dyDescent="0.2">
      <c r="A41" s="10"/>
      <c r="B41" s="9" t="s">
        <v>2</v>
      </c>
      <c r="C41" s="14"/>
      <c r="D41" s="14"/>
      <c r="E41" s="14"/>
    </row>
    <row r="42" spans="1:6" s="9" customFormat="1" ht="20.100000000000001" customHeight="1" x14ac:dyDescent="0.25">
      <c r="A42" s="13"/>
      <c r="B42" s="2" t="s">
        <v>3</v>
      </c>
      <c r="C42" s="14"/>
      <c r="D42" s="14"/>
      <c r="E42" s="14"/>
    </row>
    <row r="43" spans="1:6" ht="5.0999999999999996" customHeight="1" x14ac:dyDescent="0.2"/>
    <row r="44" spans="1:6" s="2" customFormat="1" ht="20.100000000000001" customHeight="1" x14ac:dyDescent="0.25">
      <c r="A44" s="135" t="s">
        <v>24</v>
      </c>
      <c r="B44" s="135"/>
      <c r="C44" s="135"/>
      <c r="D44" s="135"/>
      <c r="E44" s="135"/>
    </row>
    <row r="45" spans="1:6" s="2" customFormat="1" ht="5.0999999999999996" customHeight="1" thickBot="1" x14ac:dyDescent="0.3">
      <c r="A45" s="16"/>
      <c r="C45" s="6"/>
      <c r="D45" s="6"/>
      <c r="E45" s="6"/>
    </row>
    <row r="46" spans="1:6" s="3" customFormat="1" ht="93" customHeight="1" x14ac:dyDescent="0.25">
      <c r="A46" s="144" t="s">
        <v>76</v>
      </c>
      <c r="B46" s="145"/>
      <c r="C46" s="116" t="s">
        <v>26</v>
      </c>
      <c r="D46" s="117"/>
      <c r="E46" s="118"/>
      <c r="F46" s="22"/>
    </row>
    <row r="47" spans="1:6" s="3" customFormat="1" ht="30" customHeight="1" thickBot="1" x14ac:dyDescent="0.3">
      <c r="A47" s="146"/>
      <c r="B47" s="147"/>
      <c r="C47" s="23" t="s">
        <v>27</v>
      </c>
      <c r="D47" s="165" t="s">
        <v>28</v>
      </c>
      <c r="E47" s="166"/>
    </row>
    <row r="48" spans="1:6" s="24" customFormat="1" ht="24.95" customHeight="1" x14ac:dyDescent="0.25">
      <c r="A48" s="142" t="s">
        <v>131</v>
      </c>
      <c r="B48" s="143"/>
      <c r="C48" s="49"/>
      <c r="D48" s="44"/>
      <c r="E48" s="45"/>
    </row>
    <row r="49" spans="1:5" s="4" customFormat="1" ht="24.95" customHeight="1" x14ac:dyDescent="0.25">
      <c r="A49" s="56" t="s">
        <v>14</v>
      </c>
      <c r="B49" s="91" t="s">
        <v>122</v>
      </c>
      <c r="C49" s="89"/>
      <c r="D49" s="137"/>
      <c r="E49" s="138"/>
    </row>
    <row r="50" spans="1:5" s="4" customFormat="1" ht="24.95" customHeight="1" x14ac:dyDescent="0.25">
      <c r="A50" s="56" t="s">
        <v>55</v>
      </c>
      <c r="B50" s="91" t="s">
        <v>123</v>
      </c>
      <c r="C50" s="89"/>
      <c r="D50" s="137"/>
      <c r="E50" s="138"/>
    </row>
    <row r="51" spans="1:5" s="4" customFormat="1" ht="24.95" customHeight="1" x14ac:dyDescent="0.25">
      <c r="A51" s="56" t="s">
        <v>56</v>
      </c>
      <c r="B51" s="91" t="s">
        <v>124</v>
      </c>
      <c r="C51" s="89"/>
      <c r="D51" s="137"/>
      <c r="E51" s="138"/>
    </row>
    <row r="52" spans="1:5" s="4" customFormat="1" ht="24.95" customHeight="1" x14ac:dyDescent="0.25">
      <c r="A52" s="56" t="s">
        <v>57</v>
      </c>
      <c r="B52" s="91" t="s">
        <v>125</v>
      </c>
      <c r="C52" s="89"/>
      <c r="D52" s="137"/>
      <c r="E52" s="138"/>
    </row>
    <row r="53" spans="1:5" s="55" customFormat="1" ht="24.95" customHeight="1" x14ac:dyDescent="0.25">
      <c r="A53" s="57" t="s">
        <v>58</v>
      </c>
      <c r="B53" s="91" t="s">
        <v>126</v>
      </c>
      <c r="C53" s="90"/>
      <c r="D53" s="150"/>
      <c r="E53" s="151"/>
    </row>
    <row r="54" spans="1:5" s="4" customFormat="1" ht="24.95" customHeight="1" thickBot="1" x14ac:dyDescent="0.3">
      <c r="A54" s="58" t="s">
        <v>59</v>
      </c>
      <c r="B54" s="91" t="s">
        <v>127</v>
      </c>
      <c r="C54" s="89"/>
      <c r="D54" s="137"/>
      <c r="E54" s="138"/>
    </row>
    <row r="55" spans="1:5" s="24" customFormat="1" ht="24.95" customHeight="1" x14ac:dyDescent="0.25">
      <c r="A55" s="154" t="s">
        <v>128</v>
      </c>
      <c r="B55" s="155"/>
      <c r="C55" s="49"/>
      <c r="D55" s="106"/>
      <c r="E55" s="107"/>
    </row>
    <row r="56" spans="1:5" s="4" customFormat="1" ht="24.95" customHeight="1" x14ac:dyDescent="0.25">
      <c r="A56" s="56" t="s">
        <v>14</v>
      </c>
      <c r="B56" s="47" t="s">
        <v>122</v>
      </c>
      <c r="C56" s="42"/>
      <c r="D56" s="137"/>
      <c r="E56" s="138"/>
    </row>
    <row r="57" spans="1:5" s="4" customFormat="1" ht="24.95" customHeight="1" x14ac:dyDescent="0.25">
      <c r="A57" s="56" t="s">
        <v>55</v>
      </c>
      <c r="B57" s="47" t="s">
        <v>123</v>
      </c>
      <c r="C57" s="42"/>
      <c r="D57" s="137"/>
      <c r="E57" s="138"/>
    </row>
    <row r="58" spans="1:5" s="4" customFormat="1" ht="24.95" customHeight="1" x14ac:dyDescent="0.25">
      <c r="A58" s="56" t="s">
        <v>56</v>
      </c>
      <c r="B58" s="47" t="s">
        <v>124</v>
      </c>
      <c r="C58" s="42"/>
      <c r="D58" s="137"/>
      <c r="E58" s="138"/>
    </row>
    <row r="59" spans="1:5" s="55" customFormat="1" ht="24.95" customHeight="1" x14ac:dyDescent="0.25">
      <c r="A59" s="57" t="s">
        <v>57</v>
      </c>
      <c r="B59" s="54" t="s">
        <v>125</v>
      </c>
      <c r="C59" s="52"/>
      <c r="D59" s="150"/>
      <c r="E59" s="151"/>
    </row>
    <row r="60" spans="1:5" s="4" customFormat="1" ht="24.95" customHeight="1" x14ac:dyDescent="0.25">
      <c r="A60" s="56" t="s">
        <v>58</v>
      </c>
      <c r="B60" s="46" t="s">
        <v>129</v>
      </c>
      <c r="C60" s="42"/>
      <c r="D60" s="137"/>
      <c r="E60" s="138"/>
    </row>
    <row r="61" spans="1:5" s="55" customFormat="1" ht="24.95" customHeight="1" x14ac:dyDescent="0.25">
      <c r="A61" s="57" t="s">
        <v>59</v>
      </c>
      <c r="B61" s="54" t="s">
        <v>127</v>
      </c>
      <c r="C61" s="52"/>
      <c r="D61" s="150"/>
      <c r="E61" s="151"/>
    </row>
    <row r="62" spans="1:5" s="4" customFormat="1" ht="24.95" customHeight="1" x14ac:dyDescent="0.25">
      <c r="A62" s="56" t="s">
        <v>60</v>
      </c>
      <c r="B62" s="54" t="s">
        <v>130</v>
      </c>
      <c r="C62" s="42"/>
      <c r="D62" s="137"/>
      <c r="E62" s="138"/>
    </row>
    <row r="63" spans="1:5" s="4" customFormat="1" ht="24.95" customHeight="1" x14ac:dyDescent="0.25">
      <c r="A63" s="111" t="s">
        <v>132</v>
      </c>
      <c r="B63" s="112"/>
      <c r="C63" s="94"/>
      <c r="D63" s="152"/>
      <c r="E63" s="153"/>
    </row>
    <row r="64" spans="1:5" s="4" customFormat="1" ht="24.95" customHeight="1" x14ac:dyDescent="0.25">
      <c r="A64" s="58" t="s">
        <v>14</v>
      </c>
      <c r="B64" s="26" t="s">
        <v>133</v>
      </c>
      <c r="C64" s="42"/>
      <c r="D64" s="51"/>
      <c r="E64" s="50"/>
    </row>
    <row r="65" spans="1:5" s="4" customFormat="1" ht="24.95" customHeight="1" x14ac:dyDescent="0.25">
      <c r="A65" s="58" t="s">
        <v>55</v>
      </c>
      <c r="B65" s="26" t="s">
        <v>123</v>
      </c>
      <c r="C65" s="42"/>
      <c r="D65" s="51"/>
      <c r="E65" s="50"/>
    </row>
    <row r="66" spans="1:5" s="4" customFormat="1" ht="24.95" customHeight="1" x14ac:dyDescent="0.25">
      <c r="A66" s="58" t="s">
        <v>56</v>
      </c>
      <c r="B66" s="26" t="s">
        <v>135</v>
      </c>
      <c r="C66" s="42"/>
      <c r="D66" s="51"/>
      <c r="E66" s="50"/>
    </row>
    <row r="67" spans="1:5" s="4" customFormat="1" ht="24.95" customHeight="1" x14ac:dyDescent="0.25">
      <c r="A67" s="58" t="s">
        <v>57</v>
      </c>
      <c r="B67" s="26" t="s">
        <v>134</v>
      </c>
      <c r="C67" s="42"/>
      <c r="D67" s="51"/>
      <c r="E67" s="50"/>
    </row>
    <row r="68" spans="1:5" s="4" customFormat="1" ht="24.95" customHeight="1" x14ac:dyDescent="0.25">
      <c r="A68" s="58" t="s">
        <v>58</v>
      </c>
      <c r="B68" s="26" t="s">
        <v>136</v>
      </c>
      <c r="C68" s="42"/>
      <c r="D68" s="51"/>
      <c r="E68" s="50"/>
    </row>
    <row r="69" spans="1:5" s="4" customFormat="1" ht="24.95" customHeight="1" x14ac:dyDescent="0.25">
      <c r="A69" s="58" t="s">
        <v>59</v>
      </c>
      <c r="B69" s="26" t="s">
        <v>127</v>
      </c>
      <c r="C69" s="42"/>
      <c r="D69" s="51"/>
      <c r="E69" s="50"/>
    </row>
    <row r="70" spans="1:5" s="4" customFormat="1" ht="24.95" customHeight="1" x14ac:dyDescent="0.25">
      <c r="A70" s="58" t="s">
        <v>60</v>
      </c>
      <c r="B70" s="26" t="s">
        <v>137</v>
      </c>
      <c r="C70" s="42"/>
      <c r="D70" s="51"/>
      <c r="E70" s="50"/>
    </row>
    <row r="71" spans="1:5" s="4" customFormat="1" ht="24.95" customHeight="1" x14ac:dyDescent="0.25">
      <c r="A71" s="111" t="s">
        <v>138</v>
      </c>
      <c r="B71" s="112"/>
      <c r="C71" s="42"/>
      <c r="D71" s="125"/>
      <c r="E71" s="126"/>
    </row>
    <row r="72" spans="1:5" s="55" customFormat="1" ht="24.95" customHeight="1" x14ac:dyDescent="0.25">
      <c r="A72" s="60" t="s">
        <v>14</v>
      </c>
      <c r="B72" s="26" t="s">
        <v>122</v>
      </c>
      <c r="C72" s="52"/>
      <c r="D72" s="61"/>
      <c r="E72" s="62"/>
    </row>
    <row r="73" spans="1:5" s="55" customFormat="1" ht="24.95" customHeight="1" x14ac:dyDescent="0.25">
      <c r="A73" s="60" t="s">
        <v>55</v>
      </c>
      <c r="B73" s="26" t="s">
        <v>139</v>
      </c>
      <c r="C73" s="52"/>
      <c r="D73" s="61"/>
      <c r="E73" s="62"/>
    </row>
    <row r="74" spans="1:5" s="55" customFormat="1" ht="24.95" customHeight="1" x14ac:dyDescent="0.25">
      <c r="A74" s="60" t="s">
        <v>56</v>
      </c>
      <c r="B74" s="26" t="s">
        <v>140</v>
      </c>
      <c r="C74" s="52"/>
      <c r="D74" s="61"/>
      <c r="E74" s="62"/>
    </row>
    <row r="75" spans="1:5" s="55" customFormat="1" ht="24.95" customHeight="1" x14ac:dyDescent="0.25">
      <c r="A75" s="60" t="s">
        <v>57</v>
      </c>
      <c r="B75" s="26" t="s">
        <v>141</v>
      </c>
      <c r="C75" s="52"/>
      <c r="D75" s="61"/>
      <c r="E75" s="62"/>
    </row>
    <row r="76" spans="1:5" s="55" customFormat="1" ht="24.95" customHeight="1" x14ac:dyDescent="0.25">
      <c r="A76" s="60" t="s">
        <v>58</v>
      </c>
      <c r="B76" s="26" t="s">
        <v>142</v>
      </c>
      <c r="C76" s="52"/>
      <c r="D76" s="61"/>
      <c r="E76" s="62"/>
    </row>
    <row r="77" spans="1:5" s="55" customFormat="1" ht="24.95" customHeight="1" x14ac:dyDescent="0.25">
      <c r="A77" s="60" t="s">
        <v>59</v>
      </c>
      <c r="B77" s="26" t="s">
        <v>143</v>
      </c>
      <c r="C77" s="52"/>
      <c r="D77" s="61"/>
      <c r="E77" s="62"/>
    </row>
    <row r="78" spans="1:5" s="55" customFormat="1" ht="24.95" customHeight="1" x14ac:dyDescent="0.25">
      <c r="A78" s="111" t="s">
        <v>144</v>
      </c>
      <c r="B78" s="112"/>
      <c r="C78" s="52"/>
      <c r="D78" s="125"/>
      <c r="E78" s="126"/>
    </row>
    <row r="79" spans="1:5" s="55" customFormat="1" ht="24.95" customHeight="1" x14ac:dyDescent="0.25">
      <c r="A79" s="60" t="s">
        <v>14</v>
      </c>
      <c r="B79" s="26" t="s">
        <v>145</v>
      </c>
      <c r="C79" s="52"/>
      <c r="D79" s="61"/>
      <c r="E79" s="62"/>
    </row>
    <row r="80" spans="1:5" s="55" customFormat="1" ht="24.95" customHeight="1" x14ac:dyDescent="0.25">
      <c r="A80" s="60" t="s">
        <v>55</v>
      </c>
      <c r="B80" s="26" t="s">
        <v>139</v>
      </c>
      <c r="C80" s="52"/>
      <c r="D80" s="61"/>
      <c r="E80" s="62"/>
    </row>
    <row r="81" spans="1:5" s="55" customFormat="1" ht="24.95" customHeight="1" x14ac:dyDescent="0.25">
      <c r="A81" s="60" t="s">
        <v>56</v>
      </c>
      <c r="B81" s="26" t="s">
        <v>140</v>
      </c>
      <c r="C81" s="52"/>
      <c r="D81" s="61"/>
      <c r="E81" s="62"/>
    </row>
    <row r="82" spans="1:5" s="55" customFormat="1" ht="24.95" customHeight="1" x14ac:dyDescent="0.25">
      <c r="A82" s="60" t="s">
        <v>57</v>
      </c>
      <c r="B82" s="26" t="s">
        <v>141</v>
      </c>
      <c r="C82" s="52"/>
      <c r="D82" s="61"/>
      <c r="E82" s="62"/>
    </row>
    <row r="83" spans="1:5" s="55" customFormat="1" ht="24.95" customHeight="1" x14ac:dyDescent="0.25">
      <c r="A83" s="60" t="s">
        <v>58</v>
      </c>
      <c r="B83" s="26" t="s">
        <v>142</v>
      </c>
      <c r="C83" s="52"/>
      <c r="D83" s="61"/>
      <c r="E83" s="62"/>
    </row>
    <row r="84" spans="1:5" s="55" customFormat="1" ht="24.95" customHeight="1" x14ac:dyDescent="0.25">
      <c r="A84" s="60" t="s">
        <v>59</v>
      </c>
      <c r="B84" s="26" t="s">
        <v>143</v>
      </c>
      <c r="C84" s="52"/>
      <c r="D84" s="61"/>
      <c r="E84" s="62"/>
    </row>
    <row r="85" spans="1:5" s="55" customFormat="1" ht="24.95" customHeight="1" x14ac:dyDescent="0.25">
      <c r="A85" s="111" t="s">
        <v>146</v>
      </c>
      <c r="B85" s="112"/>
      <c r="C85" s="52"/>
      <c r="D85" s="125"/>
      <c r="E85" s="126"/>
    </row>
    <row r="86" spans="1:5" s="55" customFormat="1" ht="24.95" customHeight="1" x14ac:dyDescent="0.25">
      <c r="A86" s="60" t="s">
        <v>14</v>
      </c>
      <c r="B86" s="26" t="s">
        <v>147</v>
      </c>
      <c r="C86" s="52"/>
      <c r="D86" s="61"/>
      <c r="E86" s="62"/>
    </row>
    <row r="87" spans="1:5" s="55" customFormat="1" ht="24.95" customHeight="1" x14ac:dyDescent="0.25">
      <c r="A87" s="60" t="s">
        <v>55</v>
      </c>
      <c r="B87" s="26" t="s">
        <v>148</v>
      </c>
      <c r="C87" s="52"/>
      <c r="D87" s="61"/>
      <c r="E87" s="62"/>
    </row>
    <row r="88" spans="1:5" s="55" customFormat="1" ht="24.95" customHeight="1" x14ac:dyDescent="0.25">
      <c r="A88" s="60" t="s">
        <v>56</v>
      </c>
      <c r="B88" s="26" t="s">
        <v>149</v>
      </c>
      <c r="C88" s="52"/>
      <c r="D88" s="61"/>
      <c r="E88" s="62"/>
    </row>
    <row r="89" spans="1:5" s="55" customFormat="1" ht="24.95" customHeight="1" x14ac:dyDescent="0.25">
      <c r="A89" s="60" t="s">
        <v>57</v>
      </c>
      <c r="B89" s="26" t="s">
        <v>150</v>
      </c>
      <c r="C89" s="52"/>
      <c r="D89" s="61"/>
      <c r="E89" s="62"/>
    </row>
    <row r="90" spans="1:5" s="55" customFormat="1" ht="24.95" customHeight="1" x14ac:dyDescent="0.25">
      <c r="A90" s="60" t="s">
        <v>58</v>
      </c>
      <c r="B90" s="26" t="s">
        <v>151</v>
      </c>
      <c r="C90" s="52"/>
      <c r="D90" s="61"/>
      <c r="E90" s="62"/>
    </row>
    <row r="91" spans="1:5" s="55" customFormat="1" ht="24.95" customHeight="1" x14ac:dyDescent="0.25">
      <c r="A91" s="111" t="s">
        <v>152</v>
      </c>
      <c r="B91" s="112"/>
      <c r="C91" s="52"/>
      <c r="D91" s="125"/>
      <c r="E91" s="126"/>
    </row>
    <row r="92" spans="1:5" s="55" customFormat="1" ht="24.95" customHeight="1" x14ac:dyDescent="0.25">
      <c r="A92" s="60" t="s">
        <v>14</v>
      </c>
      <c r="B92" s="26" t="s">
        <v>147</v>
      </c>
      <c r="C92" s="52"/>
      <c r="D92" s="61"/>
      <c r="E92" s="62"/>
    </row>
    <row r="93" spans="1:5" s="55" customFormat="1" ht="24.95" customHeight="1" x14ac:dyDescent="0.25">
      <c r="A93" s="60" t="s">
        <v>55</v>
      </c>
      <c r="B93" s="26" t="s">
        <v>148</v>
      </c>
      <c r="C93" s="52"/>
      <c r="D93" s="61"/>
      <c r="E93" s="62"/>
    </row>
    <row r="94" spans="1:5" s="55" customFormat="1" ht="24.95" customHeight="1" x14ac:dyDescent="0.25">
      <c r="A94" s="60" t="s">
        <v>56</v>
      </c>
      <c r="B94" s="26" t="s">
        <v>153</v>
      </c>
      <c r="C94" s="52"/>
      <c r="D94" s="61"/>
      <c r="E94" s="62"/>
    </row>
    <row r="95" spans="1:5" s="55" customFormat="1" ht="24.95" customHeight="1" x14ac:dyDescent="0.25">
      <c r="A95" s="60" t="s">
        <v>57</v>
      </c>
      <c r="B95" s="26" t="s">
        <v>154</v>
      </c>
      <c r="C95" s="52"/>
      <c r="D95" s="61"/>
      <c r="E95" s="62"/>
    </row>
    <row r="96" spans="1:5" s="55" customFormat="1" ht="24.95" customHeight="1" x14ac:dyDescent="0.25">
      <c r="A96" s="60" t="s">
        <v>58</v>
      </c>
      <c r="B96" s="26" t="s">
        <v>143</v>
      </c>
      <c r="C96" s="52"/>
      <c r="D96" s="61"/>
      <c r="E96" s="62"/>
    </row>
    <row r="97" spans="1:5" s="55" customFormat="1" ht="24.95" customHeight="1" x14ac:dyDescent="0.25">
      <c r="A97" s="111" t="s">
        <v>155</v>
      </c>
      <c r="B97" s="112"/>
      <c r="C97" s="52"/>
      <c r="D97" s="125"/>
      <c r="E97" s="126"/>
    </row>
    <row r="98" spans="1:5" s="55" customFormat="1" ht="24.95" customHeight="1" x14ac:dyDescent="0.25">
      <c r="A98" s="60" t="s">
        <v>14</v>
      </c>
      <c r="B98" s="26" t="s">
        <v>156</v>
      </c>
      <c r="C98" s="52"/>
      <c r="D98" s="61"/>
      <c r="E98" s="62"/>
    </row>
    <row r="99" spans="1:5" s="55" customFormat="1" ht="24.95" customHeight="1" x14ac:dyDescent="0.25">
      <c r="A99" s="60" t="s">
        <v>55</v>
      </c>
      <c r="B99" s="26" t="s">
        <v>157</v>
      </c>
      <c r="C99" s="52"/>
      <c r="D99" s="61"/>
      <c r="E99" s="62"/>
    </row>
    <row r="100" spans="1:5" s="55" customFormat="1" ht="24.95" customHeight="1" x14ac:dyDescent="0.25">
      <c r="A100" s="60" t="s">
        <v>56</v>
      </c>
      <c r="B100" s="26" t="s">
        <v>158</v>
      </c>
      <c r="C100" s="52"/>
      <c r="D100" s="61"/>
      <c r="E100" s="62"/>
    </row>
    <row r="101" spans="1:5" s="55" customFormat="1" ht="24.95" customHeight="1" x14ac:dyDescent="0.25">
      <c r="A101" s="60" t="s">
        <v>57</v>
      </c>
      <c r="B101" s="26" t="s">
        <v>154</v>
      </c>
      <c r="C101" s="52"/>
      <c r="D101" s="61"/>
      <c r="E101" s="62"/>
    </row>
    <row r="102" spans="1:5" s="55" customFormat="1" ht="24.95" customHeight="1" x14ac:dyDescent="0.25">
      <c r="A102" s="60" t="s">
        <v>58</v>
      </c>
      <c r="B102" s="26" t="s">
        <v>143</v>
      </c>
      <c r="C102" s="52"/>
      <c r="D102" s="61"/>
      <c r="E102" s="62"/>
    </row>
    <row r="103" spans="1:5" s="55" customFormat="1" ht="24.95" customHeight="1" x14ac:dyDescent="0.25">
      <c r="A103" s="111" t="s">
        <v>189</v>
      </c>
      <c r="B103" s="112"/>
      <c r="C103" s="52"/>
      <c r="D103" s="125"/>
      <c r="E103" s="126"/>
    </row>
    <row r="104" spans="1:5" s="55" customFormat="1" ht="24.95" customHeight="1" x14ac:dyDescent="0.25">
      <c r="A104" s="60" t="s">
        <v>14</v>
      </c>
      <c r="B104" s="26" t="s">
        <v>159</v>
      </c>
      <c r="C104" s="52"/>
      <c r="D104" s="61"/>
      <c r="E104" s="62"/>
    </row>
    <row r="105" spans="1:5" s="55" customFormat="1" ht="24.95" customHeight="1" x14ac:dyDescent="0.25">
      <c r="A105" s="60" t="s">
        <v>55</v>
      </c>
      <c r="B105" s="26" t="s">
        <v>160</v>
      </c>
      <c r="C105" s="52"/>
      <c r="D105" s="61"/>
      <c r="E105" s="62"/>
    </row>
    <row r="106" spans="1:5" s="55" customFormat="1" ht="24.95" customHeight="1" x14ac:dyDescent="0.25">
      <c r="A106" s="60" t="s">
        <v>56</v>
      </c>
      <c r="B106" s="26" t="s">
        <v>161</v>
      </c>
      <c r="C106" s="52"/>
      <c r="D106" s="61"/>
      <c r="E106" s="62"/>
    </row>
    <row r="107" spans="1:5" s="55" customFormat="1" ht="24.95" customHeight="1" x14ac:dyDescent="0.25">
      <c r="A107" s="60" t="s">
        <v>57</v>
      </c>
      <c r="B107" s="26" t="s">
        <v>150</v>
      </c>
      <c r="C107" s="52"/>
      <c r="D107" s="61"/>
      <c r="E107" s="62"/>
    </row>
    <row r="108" spans="1:5" s="55" customFormat="1" ht="24.95" customHeight="1" x14ac:dyDescent="0.25">
      <c r="A108" s="60" t="s">
        <v>58</v>
      </c>
      <c r="B108" s="26" t="s">
        <v>162</v>
      </c>
      <c r="C108" s="52"/>
      <c r="D108" s="61"/>
      <c r="E108" s="62"/>
    </row>
    <row r="109" spans="1:5" s="55" customFormat="1" ht="24.95" customHeight="1" x14ac:dyDescent="0.25">
      <c r="A109" s="60" t="s">
        <v>59</v>
      </c>
      <c r="B109" s="26" t="s">
        <v>163</v>
      </c>
      <c r="C109" s="52"/>
      <c r="D109" s="61"/>
      <c r="E109" s="62"/>
    </row>
    <row r="110" spans="1:5" s="55" customFormat="1" ht="24.95" customHeight="1" x14ac:dyDescent="0.25">
      <c r="A110" s="111" t="s">
        <v>164</v>
      </c>
      <c r="B110" s="112"/>
      <c r="C110" s="52"/>
      <c r="D110" s="125"/>
      <c r="E110" s="126"/>
    </row>
    <row r="111" spans="1:5" s="55" customFormat="1" ht="24.95" customHeight="1" x14ac:dyDescent="0.25">
      <c r="A111" s="60" t="s">
        <v>14</v>
      </c>
      <c r="B111" s="26" t="s">
        <v>165</v>
      </c>
      <c r="C111" s="52"/>
      <c r="D111" s="61"/>
      <c r="E111" s="62"/>
    </row>
    <row r="112" spans="1:5" s="55" customFormat="1" ht="24.95" customHeight="1" x14ac:dyDescent="0.25">
      <c r="A112" s="60" t="s">
        <v>55</v>
      </c>
      <c r="B112" s="26" t="s">
        <v>166</v>
      </c>
      <c r="C112" s="52"/>
      <c r="D112" s="61"/>
      <c r="E112" s="62"/>
    </row>
    <row r="113" spans="1:5" s="55" customFormat="1" ht="24.95" customHeight="1" x14ac:dyDescent="0.25">
      <c r="A113" s="60" t="s">
        <v>56</v>
      </c>
      <c r="B113" s="26" t="s">
        <v>167</v>
      </c>
      <c r="C113" s="52"/>
      <c r="D113" s="61"/>
      <c r="E113" s="62"/>
    </row>
    <row r="114" spans="1:5" s="55" customFormat="1" ht="24.95" customHeight="1" x14ac:dyDescent="0.25">
      <c r="A114" s="60" t="s">
        <v>57</v>
      </c>
      <c r="B114" s="26" t="s">
        <v>154</v>
      </c>
      <c r="C114" s="52"/>
      <c r="D114" s="61"/>
      <c r="E114" s="62"/>
    </row>
    <row r="115" spans="1:5" s="55" customFormat="1" ht="24.95" customHeight="1" x14ac:dyDescent="0.25">
      <c r="A115" s="60" t="s">
        <v>58</v>
      </c>
      <c r="B115" s="26" t="s">
        <v>168</v>
      </c>
      <c r="C115" s="52"/>
      <c r="D115" s="61"/>
      <c r="E115" s="62"/>
    </row>
    <row r="116" spans="1:5" s="55" customFormat="1" ht="24.95" customHeight="1" x14ac:dyDescent="0.25">
      <c r="A116" s="60" t="s">
        <v>59</v>
      </c>
      <c r="B116" s="26" t="s">
        <v>169</v>
      </c>
      <c r="C116" s="52"/>
      <c r="D116" s="61"/>
      <c r="E116" s="62"/>
    </row>
    <row r="117" spans="1:5" s="4" customFormat="1" ht="24.95" customHeight="1" x14ac:dyDescent="0.25">
      <c r="A117" s="111" t="s">
        <v>170</v>
      </c>
      <c r="B117" s="112"/>
      <c r="C117" s="42"/>
      <c r="D117" s="125"/>
      <c r="E117" s="126"/>
    </row>
    <row r="118" spans="1:5" s="4" customFormat="1" ht="24.95" customHeight="1" x14ac:dyDescent="0.25">
      <c r="A118" s="59" t="s">
        <v>14</v>
      </c>
      <c r="B118" s="53" t="s">
        <v>171</v>
      </c>
      <c r="C118" s="42"/>
      <c r="D118" s="51"/>
      <c r="E118" s="50"/>
    </row>
    <row r="119" spans="1:5" s="4" customFormat="1" ht="24.95" customHeight="1" x14ac:dyDescent="0.25">
      <c r="A119" s="58" t="s">
        <v>55</v>
      </c>
      <c r="B119" s="26" t="s">
        <v>172</v>
      </c>
      <c r="C119" s="42"/>
      <c r="D119" s="51"/>
      <c r="E119" s="50"/>
    </row>
    <row r="120" spans="1:5" s="4" customFormat="1" ht="24.95" customHeight="1" x14ac:dyDescent="0.25">
      <c r="A120" s="58" t="s">
        <v>56</v>
      </c>
      <c r="B120" s="26" t="s">
        <v>167</v>
      </c>
      <c r="C120" s="42"/>
      <c r="D120" s="51"/>
      <c r="E120" s="50"/>
    </row>
    <row r="121" spans="1:5" s="55" customFormat="1" ht="24.95" customHeight="1" x14ac:dyDescent="0.25">
      <c r="A121" s="95" t="s">
        <v>57</v>
      </c>
      <c r="B121" s="92" t="s">
        <v>154</v>
      </c>
      <c r="C121" s="42"/>
      <c r="D121" s="92"/>
      <c r="E121" s="93"/>
    </row>
    <row r="122" spans="1:5" s="4" customFormat="1" ht="24.95" customHeight="1" x14ac:dyDescent="0.25">
      <c r="A122" s="58" t="s">
        <v>58</v>
      </c>
      <c r="B122" s="26" t="s">
        <v>168</v>
      </c>
      <c r="C122" s="42"/>
      <c r="D122" s="137"/>
      <c r="E122" s="138"/>
    </row>
    <row r="123" spans="1:5" s="4" customFormat="1" ht="24.95" customHeight="1" x14ac:dyDescent="0.25">
      <c r="A123" s="58" t="s">
        <v>59</v>
      </c>
      <c r="B123" s="26" t="s">
        <v>169</v>
      </c>
      <c r="C123" s="42"/>
      <c r="D123" s="137"/>
      <c r="E123" s="138"/>
    </row>
    <row r="124" spans="1:5" s="3" customFormat="1" ht="5.0999999999999996" customHeight="1" x14ac:dyDescent="0.25">
      <c r="A124" s="5"/>
      <c r="B124" s="5"/>
      <c r="C124" s="7"/>
      <c r="D124" s="7"/>
      <c r="E124" s="25"/>
    </row>
    <row r="125" spans="1:5" s="2" customFormat="1" ht="20.100000000000001" customHeight="1" x14ac:dyDescent="0.25">
      <c r="A125" s="135" t="s">
        <v>46</v>
      </c>
      <c r="B125" s="135"/>
      <c r="C125" s="135"/>
      <c r="D125" s="135"/>
      <c r="E125" s="135"/>
    </row>
    <row r="126" spans="1:5" s="2" customFormat="1" ht="5.0999999999999996" customHeight="1" thickBot="1" x14ac:dyDescent="0.3">
      <c r="A126" s="16"/>
      <c r="C126" s="6"/>
      <c r="D126" s="6"/>
      <c r="E126" s="6"/>
    </row>
    <row r="127" spans="1:5" s="3" customFormat="1" ht="69" customHeight="1" x14ac:dyDescent="0.25">
      <c r="A127" s="144" t="s">
        <v>7</v>
      </c>
      <c r="B127" s="145"/>
      <c r="C127" s="116" t="s">
        <v>29</v>
      </c>
      <c r="D127" s="117"/>
      <c r="E127" s="118"/>
    </row>
    <row r="128" spans="1:5" s="3" customFormat="1" ht="30" customHeight="1" thickBot="1" x14ac:dyDescent="0.3">
      <c r="A128" s="146"/>
      <c r="B128" s="147"/>
      <c r="C128" s="23" t="s">
        <v>6</v>
      </c>
      <c r="D128" s="148" t="s">
        <v>30</v>
      </c>
      <c r="E128" s="149"/>
    </row>
    <row r="129" spans="1:5" s="2" customFormat="1" ht="40.5" customHeight="1" x14ac:dyDescent="0.25">
      <c r="A129" s="63" t="s">
        <v>14</v>
      </c>
      <c r="B129" s="180" t="s">
        <v>191</v>
      </c>
      <c r="C129" s="41"/>
      <c r="D129" s="156"/>
      <c r="E129" s="157"/>
    </row>
    <row r="130" spans="1:5" s="2" customFormat="1" ht="40.5" customHeight="1" x14ac:dyDescent="0.25">
      <c r="A130" s="64" t="s">
        <v>55</v>
      </c>
      <c r="B130" s="75" t="s">
        <v>184</v>
      </c>
      <c r="C130" s="42"/>
      <c r="D130" s="114"/>
      <c r="E130" s="115"/>
    </row>
    <row r="131" spans="1:5" s="2" customFormat="1" ht="24.95" customHeight="1" x14ac:dyDescent="0.25">
      <c r="A131" s="68" t="s">
        <v>56</v>
      </c>
      <c r="B131" s="83" t="s">
        <v>84</v>
      </c>
      <c r="C131" s="42"/>
      <c r="D131" s="114"/>
      <c r="E131" s="115"/>
    </row>
    <row r="132" spans="1:5" s="2" customFormat="1" ht="24.95" customHeight="1" x14ac:dyDescent="0.25">
      <c r="A132" s="69" t="s">
        <v>78</v>
      </c>
      <c r="B132" s="84" t="s">
        <v>85</v>
      </c>
      <c r="C132" s="42"/>
      <c r="D132" s="114"/>
      <c r="E132" s="115"/>
    </row>
    <row r="133" spans="1:5" s="2" customFormat="1" ht="30.75" customHeight="1" x14ac:dyDescent="0.25">
      <c r="A133" s="70" t="s">
        <v>79</v>
      </c>
      <c r="B133" s="84" t="s">
        <v>86</v>
      </c>
      <c r="C133" s="42"/>
      <c r="D133" s="114"/>
      <c r="E133" s="115"/>
    </row>
    <row r="134" spans="1:5" s="2" customFormat="1" ht="24.75" customHeight="1" x14ac:dyDescent="0.25">
      <c r="A134" s="70" t="s">
        <v>80</v>
      </c>
      <c r="B134" s="84" t="s">
        <v>87</v>
      </c>
      <c r="C134" s="42"/>
      <c r="D134" s="114"/>
      <c r="E134" s="115"/>
    </row>
    <row r="135" spans="1:5" s="2" customFormat="1" ht="40.5" customHeight="1" x14ac:dyDescent="0.25">
      <c r="A135" s="71" t="s">
        <v>81</v>
      </c>
      <c r="B135" s="84" t="s">
        <v>88</v>
      </c>
      <c r="C135" s="42"/>
      <c r="D135" s="114"/>
      <c r="E135" s="115"/>
    </row>
    <row r="136" spans="1:5" s="2" customFormat="1" ht="120.75" customHeight="1" x14ac:dyDescent="0.25">
      <c r="A136" s="67" t="s">
        <v>82</v>
      </c>
      <c r="B136" s="85" t="s">
        <v>89</v>
      </c>
      <c r="C136" s="42"/>
      <c r="D136" s="114"/>
      <c r="E136" s="115"/>
    </row>
    <row r="137" spans="1:5" s="2" customFormat="1" ht="128.25" customHeight="1" x14ac:dyDescent="0.25">
      <c r="A137" s="64" t="s">
        <v>57</v>
      </c>
      <c r="B137" s="75" t="s">
        <v>173</v>
      </c>
      <c r="C137" s="42"/>
      <c r="D137" s="114"/>
      <c r="E137" s="115"/>
    </row>
    <row r="138" spans="1:5" s="2" customFormat="1" ht="41.25" customHeight="1" x14ac:dyDescent="0.25">
      <c r="A138" s="64" t="s">
        <v>58</v>
      </c>
      <c r="B138" s="75" t="s">
        <v>90</v>
      </c>
      <c r="C138" s="42"/>
      <c r="D138" s="114"/>
      <c r="E138" s="115"/>
    </row>
    <row r="139" spans="1:5" s="2" customFormat="1" ht="52.5" customHeight="1" x14ac:dyDescent="0.25">
      <c r="A139" s="64" t="s">
        <v>59</v>
      </c>
      <c r="B139" s="75" t="s">
        <v>91</v>
      </c>
      <c r="C139" s="42"/>
      <c r="D139" s="114"/>
      <c r="E139" s="115"/>
    </row>
    <row r="140" spans="1:5" s="2" customFormat="1" ht="63.75" x14ac:dyDescent="0.25">
      <c r="A140" s="64" t="s">
        <v>60</v>
      </c>
      <c r="B140" s="75" t="s">
        <v>92</v>
      </c>
      <c r="C140" s="42"/>
      <c r="D140" s="114"/>
      <c r="E140" s="115"/>
    </row>
    <row r="141" spans="1:5" s="2" customFormat="1" ht="99" customHeight="1" x14ac:dyDescent="0.25">
      <c r="A141" s="64" t="s">
        <v>61</v>
      </c>
      <c r="B141" s="75" t="s">
        <v>178</v>
      </c>
      <c r="C141" s="42"/>
      <c r="D141" s="114"/>
      <c r="E141" s="115"/>
    </row>
    <row r="142" spans="1:5" s="2" customFormat="1" ht="280.5" x14ac:dyDescent="0.25">
      <c r="A142" s="64" t="s">
        <v>62</v>
      </c>
      <c r="B142" s="75" t="s">
        <v>93</v>
      </c>
      <c r="C142" s="42"/>
      <c r="D142" s="114"/>
      <c r="E142" s="115"/>
    </row>
    <row r="143" spans="1:5" s="2" customFormat="1" ht="109.5" customHeight="1" x14ac:dyDescent="0.25">
      <c r="A143" s="64" t="s">
        <v>75</v>
      </c>
      <c r="B143" s="75" t="s">
        <v>94</v>
      </c>
      <c r="C143" s="42"/>
      <c r="D143" s="114"/>
      <c r="E143" s="115"/>
    </row>
    <row r="144" spans="1:5" s="9" customFormat="1" ht="243" customHeight="1" x14ac:dyDescent="0.25">
      <c r="A144" s="64" t="s">
        <v>63</v>
      </c>
      <c r="B144" s="75" t="s">
        <v>174</v>
      </c>
      <c r="C144" s="52"/>
      <c r="D144" s="114"/>
      <c r="E144" s="115"/>
    </row>
    <row r="145" spans="1:6" s="2" customFormat="1" ht="117" customHeight="1" x14ac:dyDescent="0.25">
      <c r="A145" s="68" t="s">
        <v>64</v>
      </c>
      <c r="B145" s="86" t="s">
        <v>101</v>
      </c>
      <c r="C145" s="42"/>
      <c r="D145" s="114"/>
      <c r="E145" s="115"/>
    </row>
    <row r="146" spans="1:6" s="2" customFormat="1" ht="120.75" customHeight="1" x14ac:dyDescent="0.25">
      <c r="A146" s="67" t="s">
        <v>83</v>
      </c>
      <c r="B146" s="85" t="s">
        <v>175</v>
      </c>
      <c r="C146" s="42"/>
      <c r="D146" s="114"/>
      <c r="E146" s="115"/>
    </row>
    <row r="147" spans="1:6" s="2" customFormat="1" ht="102" x14ac:dyDescent="0.25">
      <c r="A147" s="64" t="s">
        <v>65</v>
      </c>
      <c r="B147" s="75" t="s">
        <v>100</v>
      </c>
      <c r="C147" s="42"/>
      <c r="D147" s="114"/>
      <c r="E147" s="115"/>
    </row>
    <row r="148" spans="1:6" s="2" customFormat="1" ht="25.5" x14ac:dyDescent="0.25">
      <c r="A148" s="64" t="s">
        <v>66</v>
      </c>
      <c r="B148" s="77" t="s">
        <v>99</v>
      </c>
      <c r="C148" s="42"/>
      <c r="D148" s="114"/>
      <c r="E148" s="115"/>
    </row>
    <row r="149" spans="1:6" s="2" customFormat="1" ht="51" x14ac:dyDescent="0.25">
      <c r="A149" s="64" t="s">
        <v>67</v>
      </c>
      <c r="B149" s="75" t="s">
        <v>176</v>
      </c>
      <c r="C149" s="42"/>
      <c r="D149" s="114"/>
      <c r="E149" s="115"/>
    </row>
    <row r="150" spans="1:6" s="2" customFormat="1" ht="63.75" x14ac:dyDescent="0.25">
      <c r="A150" s="108" t="s">
        <v>68</v>
      </c>
      <c r="B150" s="75" t="s">
        <v>98</v>
      </c>
      <c r="C150" s="42"/>
      <c r="D150" s="114"/>
      <c r="E150" s="115"/>
    </row>
    <row r="151" spans="1:6" s="2" customFormat="1" ht="78" customHeight="1" x14ac:dyDescent="0.25">
      <c r="A151" s="65" t="s">
        <v>69</v>
      </c>
      <c r="B151" s="76" t="s">
        <v>97</v>
      </c>
      <c r="C151" s="42"/>
      <c r="D151" s="114"/>
      <c r="E151" s="115"/>
    </row>
    <row r="152" spans="1:6" s="2" customFormat="1" ht="195.75" customHeight="1" x14ac:dyDescent="0.25">
      <c r="A152" s="64" t="s">
        <v>70</v>
      </c>
      <c r="B152" s="75" t="s">
        <v>96</v>
      </c>
      <c r="C152" s="42"/>
      <c r="D152" s="114"/>
      <c r="E152" s="115"/>
    </row>
    <row r="153" spans="1:6" s="2" customFormat="1" ht="81.75" customHeight="1" x14ac:dyDescent="0.25">
      <c r="A153" s="108" t="s">
        <v>71</v>
      </c>
      <c r="B153" s="77" t="s">
        <v>179</v>
      </c>
      <c r="C153" s="42"/>
      <c r="D153" s="114"/>
      <c r="E153" s="115"/>
    </row>
    <row r="154" spans="1:6" s="2" customFormat="1" ht="119.25" customHeight="1" x14ac:dyDescent="0.25">
      <c r="A154" s="64" t="s">
        <v>72</v>
      </c>
      <c r="B154" s="77" t="s">
        <v>95</v>
      </c>
      <c r="C154" s="42"/>
      <c r="D154" s="114"/>
      <c r="E154" s="115"/>
    </row>
    <row r="155" spans="1:6" s="2" customFormat="1" ht="102" x14ac:dyDescent="0.25">
      <c r="A155" s="64" t="s">
        <v>73</v>
      </c>
      <c r="B155" s="26" t="s">
        <v>180</v>
      </c>
      <c r="C155" s="96"/>
      <c r="D155" s="109"/>
      <c r="E155" s="110"/>
    </row>
    <row r="156" spans="1:6" s="2" customFormat="1" ht="41.25" customHeight="1" thickBot="1" x14ac:dyDescent="0.3">
      <c r="A156" s="66" t="s">
        <v>177</v>
      </c>
      <c r="B156" s="78" t="s">
        <v>183</v>
      </c>
      <c r="C156" s="43"/>
      <c r="D156" s="121"/>
      <c r="E156" s="122"/>
    </row>
    <row r="157" spans="1:6" s="3" customFormat="1" ht="5.0999999999999996" customHeight="1" x14ac:dyDescent="0.25">
      <c r="A157" s="5"/>
      <c r="B157" s="5"/>
      <c r="C157" s="7"/>
      <c r="D157" s="7"/>
      <c r="E157" s="25"/>
    </row>
    <row r="158" spans="1:6" s="2" customFormat="1" ht="20.100000000000001" customHeight="1" x14ac:dyDescent="0.25">
      <c r="A158" s="141" t="s">
        <v>52</v>
      </c>
      <c r="B158" s="141"/>
      <c r="C158" s="141"/>
      <c r="D158" s="141"/>
      <c r="E158" s="141"/>
      <c r="F158" s="160"/>
    </row>
    <row r="159" spans="1:6" s="2" customFormat="1" ht="4.5" customHeight="1" thickBot="1" x14ac:dyDescent="0.3">
      <c r="F159" s="160"/>
    </row>
    <row r="160" spans="1:6" s="2" customFormat="1" ht="80.25" customHeight="1" x14ac:dyDescent="0.25">
      <c r="A160" s="144" t="s">
        <v>53</v>
      </c>
      <c r="B160" s="145"/>
      <c r="C160" s="116" t="s">
        <v>54</v>
      </c>
      <c r="D160" s="117"/>
      <c r="E160" s="118"/>
      <c r="F160" s="160"/>
    </row>
    <row r="161" spans="1:6" s="3" customFormat="1" ht="29.25" customHeight="1" x14ac:dyDescent="0.25">
      <c r="A161" s="158"/>
      <c r="B161" s="159"/>
      <c r="C161" s="73" t="s">
        <v>6</v>
      </c>
      <c r="D161" s="119" t="s">
        <v>30</v>
      </c>
      <c r="E161" s="120"/>
      <c r="F161" s="160"/>
    </row>
    <row r="162" spans="1:6" s="3" customFormat="1" ht="59.25" customHeight="1" x14ac:dyDescent="0.25">
      <c r="A162" s="64" t="s">
        <v>14</v>
      </c>
      <c r="B162" s="80" t="s">
        <v>192</v>
      </c>
      <c r="C162" s="42"/>
      <c r="D162" s="109"/>
      <c r="E162" s="110"/>
      <c r="F162" s="103"/>
    </row>
    <row r="163" spans="1:6" s="3" customFormat="1" ht="95.25" customHeight="1" thickBot="1" x14ac:dyDescent="0.3">
      <c r="A163" s="105" t="s">
        <v>55</v>
      </c>
      <c r="B163" s="104" t="s">
        <v>182</v>
      </c>
      <c r="C163" s="43"/>
      <c r="D163" s="123"/>
      <c r="E163" s="124"/>
      <c r="F163" s="72"/>
    </row>
    <row r="164" spans="1:6" s="2" customFormat="1" ht="5.0999999999999996" customHeight="1" x14ac:dyDescent="0.25">
      <c r="A164" s="5"/>
      <c r="B164" s="5"/>
      <c r="C164" s="7"/>
      <c r="D164" s="7"/>
      <c r="E164" s="25"/>
    </row>
    <row r="165" spans="1:6" s="2" customFormat="1" ht="20.100000000000001" customHeight="1" x14ac:dyDescent="0.25">
      <c r="A165" s="135" t="s">
        <v>13</v>
      </c>
      <c r="B165" s="135"/>
      <c r="C165" s="135"/>
      <c r="D165" s="135"/>
      <c r="E165" s="135"/>
    </row>
    <row r="166" spans="1:6" s="3" customFormat="1" ht="30" customHeight="1" x14ac:dyDescent="0.25">
      <c r="A166" s="5" t="s">
        <v>15</v>
      </c>
      <c r="B166" s="136" t="s">
        <v>187</v>
      </c>
      <c r="C166" s="136"/>
      <c r="D166" s="136"/>
      <c r="E166" s="136"/>
    </row>
    <row r="167" spans="1:6" s="28" customFormat="1" ht="30" customHeight="1" x14ac:dyDescent="0.25">
      <c r="A167" s="5" t="s">
        <v>31</v>
      </c>
      <c r="B167" s="136" t="s">
        <v>32</v>
      </c>
      <c r="C167" s="136"/>
      <c r="D167" s="136"/>
      <c r="E167" s="136"/>
    </row>
    <row r="168" spans="1:6" s="28" customFormat="1" ht="30" customHeight="1" x14ac:dyDescent="0.25">
      <c r="A168" s="140" t="s">
        <v>33</v>
      </c>
      <c r="B168" s="140"/>
      <c r="C168" s="140"/>
      <c r="D168" s="140"/>
      <c r="E168" s="3"/>
    </row>
    <row r="169" spans="1:6" s="2" customFormat="1" ht="24.95" customHeight="1" x14ac:dyDescent="0.25">
      <c r="A169" s="27" t="s">
        <v>34</v>
      </c>
      <c r="B169" s="113"/>
      <c r="C169" s="113"/>
      <c r="E169" s="28"/>
    </row>
    <row r="170" spans="1:6" s="2" customFormat="1" ht="24.95" customHeight="1" x14ac:dyDescent="0.25">
      <c r="A170" s="27" t="s">
        <v>35</v>
      </c>
      <c r="B170" s="127"/>
      <c r="C170" s="127"/>
      <c r="E170" s="28"/>
    </row>
    <row r="171" spans="1:6" s="2" customFormat="1" ht="24.95" customHeight="1" x14ac:dyDescent="0.25">
      <c r="A171" s="27" t="s">
        <v>36</v>
      </c>
      <c r="B171" s="127"/>
      <c r="C171" s="127"/>
      <c r="E171" s="28"/>
    </row>
    <row r="172" spans="1:6" s="3" customFormat="1" ht="24.95" customHeight="1" x14ac:dyDescent="0.25">
      <c r="A172" s="27" t="s">
        <v>37</v>
      </c>
      <c r="B172" s="127"/>
      <c r="C172" s="127"/>
      <c r="D172" s="2"/>
      <c r="E172" s="29"/>
    </row>
    <row r="173" spans="1:6" s="2" customFormat="1" ht="46.5" customHeight="1" x14ac:dyDescent="0.2">
      <c r="A173" s="11"/>
      <c r="B173" s="12"/>
      <c r="C173" s="12"/>
      <c r="E173" s="30"/>
    </row>
    <row r="174" spans="1:6" s="3" customFormat="1" ht="15" customHeight="1" x14ac:dyDescent="0.25">
      <c r="A174" s="133" t="s">
        <v>38</v>
      </c>
      <c r="B174" s="133"/>
      <c r="C174" s="133"/>
      <c r="D174" s="133"/>
      <c r="E174" s="133"/>
    </row>
    <row r="175" spans="1:6" s="2" customFormat="1" ht="36.75" customHeight="1" x14ac:dyDescent="0.25">
      <c r="A175" s="134" t="s">
        <v>49</v>
      </c>
      <c r="B175" s="134"/>
      <c r="C175" s="134"/>
      <c r="D175" s="134"/>
      <c r="E175" s="134"/>
    </row>
    <row r="176" spans="1:6" s="2" customFormat="1" ht="20.100000000000001" customHeight="1" x14ac:dyDescent="0.2">
      <c r="A176" s="1"/>
      <c r="B176" s="1"/>
      <c r="C176" s="8"/>
      <c r="D176" s="8"/>
    </row>
    <row r="177" spans="1:5" s="3" customFormat="1" ht="4.5" customHeight="1" x14ac:dyDescent="0.2">
      <c r="A177" s="1"/>
      <c r="B177" s="1"/>
      <c r="C177" s="8"/>
      <c r="D177" s="8"/>
      <c r="E177" s="2"/>
    </row>
    <row r="178" spans="1:5" s="3" customFormat="1" ht="20.100000000000001" customHeight="1" x14ac:dyDescent="0.25">
      <c r="A178" s="31" t="s">
        <v>39</v>
      </c>
      <c r="B178" s="74"/>
      <c r="C178" s="32" t="s">
        <v>40</v>
      </c>
      <c r="D178" s="139"/>
      <c r="E178" s="139"/>
    </row>
    <row r="179" spans="1:5" s="3" customFormat="1" ht="20.100000000000001" customHeight="1" x14ac:dyDescent="0.25">
      <c r="A179" s="48" t="s">
        <v>41</v>
      </c>
      <c r="B179" s="79"/>
      <c r="C179" s="33"/>
      <c r="D179" s="34"/>
      <c r="E179" s="34"/>
    </row>
    <row r="180" spans="1:5" ht="20.100000000000001" customHeight="1" x14ac:dyDescent="0.2">
      <c r="C180" s="35" t="s">
        <v>42</v>
      </c>
      <c r="D180" s="113"/>
      <c r="E180" s="113"/>
    </row>
    <row r="181" spans="1:5" s="2" customFormat="1" ht="20.100000000000001" customHeight="1" x14ac:dyDescent="0.2">
      <c r="A181" s="1"/>
      <c r="B181" s="1"/>
      <c r="C181" s="35" t="s">
        <v>43</v>
      </c>
      <c r="D181" s="127"/>
      <c r="E181" s="127"/>
    </row>
    <row r="182" spans="1:5" s="2" customFormat="1" ht="20.100000000000001" customHeight="1" x14ac:dyDescent="0.2">
      <c r="A182" s="1"/>
      <c r="B182" s="1"/>
      <c r="C182" s="36" t="s">
        <v>44</v>
      </c>
      <c r="D182" s="1"/>
    </row>
    <row r="183" spans="1:5" s="2" customFormat="1" ht="37.5" customHeight="1" x14ac:dyDescent="0.25"/>
    <row r="184" spans="1:5" s="2" customFormat="1" ht="24" customHeight="1" x14ac:dyDescent="0.25"/>
    <row r="185" spans="1:5" s="2" customFormat="1" ht="24" customHeight="1" x14ac:dyDescent="0.25"/>
    <row r="186" spans="1:5" s="2" customFormat="1" ht="24" customHeight="1" x14ac:dyDescent="0.25"/>
    <row r="187" spans="1:5" s="2" customFormat="1" ht="20.100000000000001" customHeight="1" x14ac:dyDescent="0.25"/>
    <row r="188" spans="1:5" s="2" customFormat="1" ht="20.100000000000001" customHeight="1" x14ac:dyDescent="0.25"/>
    <row r="189" spans="1:5" s="2" customFormat="1" ht="50.1" customHeight="1" x14ac:dyDescent="0.25"/>
    <row r="190" spans="1:5" s="2" customFormat="1" ht="43.5" customHeight="1" x14ac:dyDescent="0.25"/>
    <row r="191" spans="1:5" ht="24.75" customHeight="1" x14ac:dyDescent="0.2">
      <c r="A191" s="2"/>
      <c r="B191" s="2"/>
      <c r="C191" s="2"/>
      <c r="D191" s="2"/>
    </row>
    <row r="192" spans="1:5" x14ac:dyDescent="0.2">
      <c r="A192" s="2"/>
      <c r="B192" s="2"/>
      <c r="C192" s="2"/>
      <c r="D192" s="2"/>
    </row>
    <row r="193" ht="20.100000000000001" customHeight="1" x14ac:dyDescent="0.2"/>
    <row r="194" ht="4.5" customHeight="1" x14ac:dyDescent="0.2"/>
    <row r="195" ht="20.100000000000001" customHeight="1" x14ac:dyDescent="0.2"/>
    <row r="196" ht="20.100000000000001" customHeight="1" x14ac:dyDescent="0.2"/>
    <row r="197" ht="20.100000000000001" customHeight="1" x14ac:dyDescent="0.2"/>
  </sheetData>
  <mergeCells count="114">
    <mergeCell ref="D131:E131"/>
    <mergeCell ref="A17:C17"/>
    <mergeCell ref="A18:C18"/>
    <mergeCell ref="A19:E19"/>
    <mergeCell ref="A20:E20"/>
    <mergeCell ref="A21:C21"/>
    <mergeCell ref="A110:B110"/>
    <mergeCell ref="A117:B117"/>
    <mergeCell ref="D71:E71"/>
    <mergeCell ref="D91:E91"/>
    <mergeCell ref="D97:E97"/>
    <mergeCell ref="D103:E103"/>
    <mergeCell ref="D110:E110"/>
    <mergeCell ref="D117:E117"/>
    <mergeCell ref="D56:E56"/>
    <mergeCell ref="D59:E59"/>
    <mergeCell ref="D60:E60"/>
    <mergeCell ref="D61:E61"/>
    <mergeCell ref="A160:B161"/>
    <mergeCell ref="F158:F161"/>
    <mergeCell ref="A3:E3"/>
    <mergeCell ref="A7:E7"/>
    <mergeCell ref="A8:E8"/>
    <mergeCell ref="A9:E9"/>
    <mergeCell ref="A11:E11"/>
    <mergeCell ref="A14:C14"/>
    <mergeCell ref="A44:E44"/>
    <mergeCell ref="A46:B47"/>
    <mergeCell ref="C46:E46"/>
    <mergeCell ref="D47:E47"/>
    <mergeCell ref="A23:E23"/>
    <mergeCell ref="B28:C28"/>
    <mergeCell ref="B29:C29"/>
    <mergeCell ref="A40:B40"/>
    <mergeCell ref="D150:E150"/>
    <mergeCell ref="D138:E138"/>
    <mergeCell ref="D139:E139"/>
    <mergeCell ref="A63:B63"/>
    <mergeCell ref="A71:B71"/>
    <mergeCell ref="B39:C39"/>
    <mergeCell ref="D51:E51"/>
    <mergeCell ref="D143:E143"/>
    <mergeCell ref="D144:E144"/>
    <mergeCell ref="D57:E57"/>
    <mergeCell ref="D58:E58"/>
    <mergeCell ref="D122:E122"/>
    <mergeCell ref="D123:E123"/>
    <mergeCell ref="A125:E125"/>
    <mergeCell ref="A48:B48"/>
    <mergeCell ref="A127:B128"/>
    <mergeCell ref="C127:E127"/>
    <mergeCell ref="D128:E128"/>
    <mergeCell ref="D52:E52"/>
    <mergeCell ref="D53:E53"/>
    <mergeCell ref="D140:E140"/>
    <mergeCell ref="D141:E141"/>
    <mergeCell ref="D62:E62"/>
    <mergeCell ref="D63:E63"/>
    <mergeCell ref="D132:E132"/>
    <mergeCell ref="D133:E133"/>
    <mergeCell ref="A55:B55"/>
    <mergeCell ref="D135:E135"/>
    <mergeCell ref="D136:E136"/>
    <mergeCell ref="D137:E137"/>
    <mergeCell ref="D129:E129"/>
    <mergeCell ref="D130:E130"/>
    <mergeCell ref="D181:E181"/>
    <mergeCell ref="A2:E2"/>
    <mergeCell ref="A1:E1"/>
    <mergeCell ref="A12:C12"/>
    <mergeCell ref="A24:B24"/>
    <mergeCell ref="A27:B27"/>
    <mergeCell ref="B169:C169"/>
    <mergeCell ref="B170:C170"/>
    <mergeCell ref="B171:C171"/>
    <mergeCell ref="B172:C172"/>
    <mergeCell ref="A174:E174"/>
    <mergeCell ref="A175:E175"/>
    <mergeCell ref="A165:E165"/>
    <mergeCell ref="B166:E166"/>
    <mergeCell ref="B167:E167"/>
    <mergeCell ref="D54:E54"/>
    <mergeCell ref="D50:E50"/>
    <mergeCell ref="A13:C13"/>
    <mergeCell ref="D178:E178"/>
    <mergeCell ref="A168:D168"/>
    <mergeCell ref="A158:E158"/>
    <mergeCell ref="D142:E142"/>
    <mergeCell ref="A22:E22"/>
    <mergeCell ref="D49:E49"/>
    <mergeCell ref="D155:E155"/>
    <mergeCell ref="A78:B78"/>
    <mergeCell ref="A85:B85"/>
    <mergeCell ref="A91:B91"/>
    <mergeCell ref="A97:B97"/>
    <mergeCell ref="A103:B103"/>
    <mergeCell ref="D180:E180"/>
    <mergeCell ref="D151:E151"/>
    <mergeCell ref="D152:E152"/>
    <mergeCell ref="D145:E145"/>
    <mergeCell ref="D146:E146"/>
    <mergeCell ref="D147:E147"/>
    <mergeCell ref="D148:E148"/>
    <mergeCell ref="D149:E149"/>
    <mergeCell ref="C160:E160"/>
    <mergeCell ref="D161:E161"/>
    <mergeCell ref="D153:E153"/>
    <mergeCell ref="D154:E154"/>
    <mergeCell ref="D156:E156"/>
    <mergeCell ref="D134:E134"/>
    <mergeCell ref="D162:E162"/>
    <mergeCell ref="D163:E163"/>
    <mergeCell ref="D78:E78"/>
    <mergeCell ref="D85:E85"/>
  </mergeCells>
  <conditionalFormatting sqref="C49 C129:C156 B169:C172 C63:C121 C162:C163">
    <cfRule type="containsBlanks" dxfId="19" priority="83">
      <formula>LEN(TRIM(B49))=0</formula>
    </cfRule>
  </conditionalFormatting>
  <conditionalFormatting sqref="D180:E180">
    <cfRule type="containsBlanks" dxfId="18" priority="82">
      <formula>LEN(TRIM(D180))=0</formula>
    </cfRule>
  </conditionalFormatting>
  <conditionalFormatting sqref="D181:E181">
    <cfRule type="containsBlanks" dxfId="17" priority="81">
      <formula>LEN(TRIM(D181))=0</formula>
    </cfRule>
  </conditionalFormatting>
  <conditionalFormatting sqref="B178">
    <cfRule type="containsBlanks" dxfId="16" priority="62">
      <formula>LEN(TRIM(B178))=0</formula>
    </cfRule>
  </conditionalFormatting>
  <conditionalFormatting sqref="B4">
    <cfRule type="containsBlanks" dxfId="15" priority="64">
      <formula>LEN(TRIM(B4))=0</formula>
    </cfRule>
  </conditionalFormatting>
  <conditionalFormatting sqref="B5">
    <cfRule type="containsBlanks" dxfId="14" priority="63">
      <formula>LEN(TRIM(B5))=0</formula>
    </cfRule>
  </conditionalFormatting>
  <conditionalFormatting sqref="B179">
    <cfRule type="containsBlanks" dxfId="13" priority="61">
      <formula>LEN(TRIM(B179))=0</formula>
    </cfRule>
  </conditionalFormatting>
  <conditionalFormatting sqref="C50">
    <cfRule type="containsBlanks" dxfId="12" priority="53">
      <formula>LEN(TRIM(C50))=0</formula>
    </cfRule>
  </conditionalFormatting>
  <conditionalFormatting sqref="C53">
    <cfRule type="containsBlanks" dxfId="11" priority="52">
      <formula>LEN(TRIM(C53))=0</formula>
    </cfRule>
  </conditionalFormatting>
  <conditionalFormatting sqref="C54">
    <cfRule type="containsBlanks" dxfId="10" priority="51">
      <formula>LEN(TRIM(C54))=0</formula>
    </cfRule>
  </conditionalFormatting>
  <conditionalFormatting sqref="C51">
    <cfRule type="containsBlanks" dxfId="9" priority="37">
      <formula>LEN(TRIM(C51))=0</formula>
    </cfRule>
  </conditionalFormatting>
  <conditionalFormatting sqref="C52">
    <cfRule type="containsBlanks" dxfId="8" priority="36">
      <formula>LEN(TRIM(C52))=0</formula>
    </cfRule>
  </conditionalFormatting>
  <conditionalFormatting sqref="C56 C122">
    <cfRule type="containsBlanks" dxfId="7" priority="31">
      <formula>LEN(TRIM(C56))=0</formula>
    </cfRule>
  </conditionalFormatting>
  <conditionalFormatting sqref="C57">
    <cfRule type="containsBlanks" dxfId="6" priority="30">
      <formula>LEN(TRIM(C57))=0</formula>
    </cfRule>
  </conditionalFormatting>
  <conditionalFormatting sqref="C59">
    <cfRule type="containsBlanks" dxfId="5" priority="29">
      <formula>LEN(TRIM(C59))=0</formula>
    </cfRule>
  </conditionalFormatting>
  <conditionalFormatting sqref="C60">
    <cfRule type="containsBlanks" dxfId="4" priority="28">
      <formula>LEN(TRIM(C60))=0</formula>
    </cfRule>
  </conditionalFormatting>
  <conditionalFormatting sqref="C61">
    <cfRule type="containsBlanks" dxfId="3" priority="27">
      <formula>LEN(TRIM(C61))=0</formula>
    </cfRule>
  </conditionalFormatting>
  <conditionalFormatting sqref="C62">
    <cfRule type="containsBlanks" dxfId="2" priority="26">
      <formula>LEN(TRIM(C62))=0</formula>
    </cfRule>
  </conditionalFormatting>
  <conditionalFormatting sqref="C123">
    <cfRule type="containsBlanks" dxfId="1" priority="24">
      <formula>LEN(TRIM(C123))=0</formula>
    </cfRule>
  </conditionalFormatting>
  <conditionalFormatting sqref="C58">
    <cfRule type="containsBlanks" dxfId="0" priority="22">
      <formula>LEN(TRIM(C58))=0</formula>
    </cfRule>
  </conditionalFormatting>
  <pageMargins left="0.7" right="0.7" top="0.97499999999999998" bottom="0.75" header="0.3" footer="0.3"/>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49" max="4" man="1"/>
    <brk id="94" max="4" man="1"/>
    <brk id="135" max="4" man="1"/>
    <brk id="144" max="4" man="1"/>
    <brk id="157"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40</xdr:row>
                    <xdr:rowOff>9525</xdr:rowOff>
                  </from>
                  <to>
                    <xdr:col>0</xdr:col>
                    <xdr:colOff>885825</xdr:colOff>
                    <xdr:row>4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1</xdr:row>
                    <xdr:rowOff>0</xdr:rowOff>
                  </from>
                  <to>
                    <xdr:col>0</xdr:col>
                    <xdr:colOff>885825</xdr:colOff>
                    <xdr:row>4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onuka - PTK</vt:lpstr>
      <vt:lpstr>'Ponuka - PTK'!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2-05T13:47:26Z</cp:lastPrinted>
  <dcterms:created xsi:type="dcterms:W3CDTF">2017-04-21T05:51:15Z</dcterms:created>
  <dcterms:modified xsi:type="dcterms:W3CDTF">2024-02-05T13:47:33Z</dcterms:modified>
</cp:coreProperties>
</file>